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06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2" r:id="rId3"/>
    <p:sldId id="259" r:id="rId4"/>
    <p:sldId id="273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A560"/>
    <a:srgbClr val="222222"/>
    <a:srgbClr val="F5FAF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00" autoAdjust="0"/>
    <p:restoredTop sz="94660"/>
  </p:normalViewPr>
  <p:slideViewPr>
    <p:cSldViewPr snapToGrid="0">
      <p:cViewPr varScale="1">
        <p:scale>
          <a:sx n="94" d="100"/>
          <a:sy n="94" d="100"/>
        </p:scale>
        <p:origin x="108" y="7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6_1">
  <dgm:title val=""/>
  <dgm:desc val=""/>
  <dgm:catLst>
    <dgm:cat type="accent6" pri="11100"/>
  </dgm:catLst>
  <dgm:styleLbl name="node0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6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6">
        <a:alpha val="4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6_1">
  <dgm:title val=""/>
  <dgm:desc val=""/>
  <dgm:catLst>
    <dgm:cat type="accent6" pri="11100"/>
  </dgm:catLst>
  <dgm:styleLbl name="node0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6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6">
        <a:alpha val="4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DD16752-FC69-49DE-B99F-FEA15E984002}" type="doc">
      <dgm:prSet loTypeId="urn:microsoft.com/office/officeart/2005/8/layout/orgChart1" loCatId="hierarchy" qsTypeId="urn:microsoft.com/office/officeart/2005/8/quickstyle/simple1" qsCatId="simple" csTypeId="urn:microsoft.com/office/officeart/2005/8/colors/accent6_1" csCatId="accent6" phldr="1"/>
      <dgm:spPr/>
      <dgm:t>
        <a:bodyPr/>
        <a:lstStyle/>
        <a:p>
          <a:endParaRPr lang="en-US"/>
        </a:p>
      </dgm:t>
    </dgm:pt>
    <dgm:pt modelId="{627A9606-B56A-4AD7-AD20-7CBDFF5D3315}">
      <dgm:prSet phldrT="[Text]" custT="1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sz="1600" b="1" dirty="0">
              <a:solidFill>
                <a:schemeClr val="bg1"/>
              </a:solidFill>
            </a:rPr>
            <a:t>System implementation</a:t>
          </a:r>
          <a:endParaRPr lang="en-US" sz="1600" b="1" dirty="0">
            <a:solidFill>
              <a:schemeClr val="bg1"/>
            </a:solidFill>
          </a:endParaRPr>
        </a:p>
      </dgm:t>
    </dgm:pt>
    <dgm:pt modelId="{584BFB11-C583-4EB9-B113-2E218BC2D047}" type="parTrans" cxnId="{20A434E8-DD78-47C4-ADB2-51BB77DA2AA9}">
      <dgm:prSet/>
      <dgm:spPr/>
      <dgm:t>
        <a:bodyPr/>
        <a:lstStyle/>
        <a:p>
          <a:endParaRPr lang="en-US"/>
        </a:p>
      </dgm:t>
    </dgm:pt>
    <dgm:pt modelId="{9EFC399C-0071-4802-8E6D-8E7E7ED9A1BC}" type="sibTrans" cxnId="{20A434E8-DD78-47C4-ADB2-51BB77DA2AA9}">
      <dgm:prSet/>
      <dgm:spPr/>
      <dgm:t>
        <a:bodyPr/>
        <a:lstStyle/>
        <a:p>
          <a:endParaRPr lang="en-US"/>
        </a:p>
      </dgm:t>
    </dgm:pt>
    <dgm:pt modelId="{62969DE7-A030-43A7-ACFE-A2A07FD4C414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Project initiation</a:t>
          </a:r>
          <a:endParaRPr lang="en-US" b="1" dirty="0">
            <a:solidFill>
              <a:schemeClr val="bg1"/>
            </a:solidFill>
          </a:endParaRPr>
        </a:p>
      </dgm:t>
    </dgm:pt>
    <dgm:pt modelId="{54EAE3EA-6F57-4324-82BB-2079E177A7E8}" type="parTrans" cxnId="{A176E5AB-3BAC-40AE-821D-62CF0AC3B630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A2508F57-B214-4BFB-800F-8DB56D33E77C}" type="sibTrans" cxnId="{A176E5AB-3BAC-40AE-821D-62CF0AC3B630}">
      <dgm:prSet/>
      <dgm:spPr/>
      <dgm:t>
        <a:bodyPr/>
        <a:lstStyle/>
        <a:p>
          <a:endParaRPr lang="en-US"/>
        </a:p>
      </dgm:t>
    </dgm:pt>
    <dgm:pt modelId="{D44F963F-C5BE-4B4E-8D6C-D5E7A39A441C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Project planning</a:t>
          </a:r>
          <a:endParaRPr lang="en-US" b="1" dirty="0">
            <a:solidFill>
              <a:schemeClr val="bg1"/>
            </a:solidFill>
          </a:endParaRPr>
        </a:p>
      </dgm:t>
    </dgm:pt>
    <dgm:pt modelId="{DA6E9733-A889-4D33-B381-0E520E9823E9}" type="parTrans" cxnId="{4D2D0DE8-3927-428C-8817-37B49A8F1871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FFB3DB35-E261-49A1-BB7E-985BD94DFCED}" type="sibTrans" cxnId="{4D2D0DE8-3927-428C-8817-37B49A8F1871}">
      <dgm:prSet/>
      <dgm:spPr/>
      <dgm:t>
        <a:bodyPr/>
        <a:lstStyle/>
        <a:p>
          <a:endParaRPr lang="en-US"/>
        </a:p>
      </dgm:t>
    </dgm:pt>
    <dgm:pt modelId="{32807BD1-3D67-4D05-A0AD-CEC6DDC7EA75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Design</a:t>
          </a:r>
          <a:endParaRPr lang="en-US" b="1" dirty="0">
            <a:solidFill>
              <a:schemeClr val="bg1"/>
            </a:solidFill>
          </a:endParaRPr>
        </a:p>
      </dgm:t>
    </dgm:pt>
    <dgm:pt modelId="{0AF61A29-BD08-43C7-8844-78243E311375}" type="parTrans" cxnId="{BA5B32B3-81D3-4FCE-A8A5-89BDA4DBD80E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A27FA187-6C2C-4396-A068-20B308B8A213}" type="sibTrans" cxnId="{BA5B32B3-81D3-4FCE-A8A5-89BDA4DBD80E}">
      <dgm:prSet/>
      <dgm:spPr/>
      <dgm:t>
        <a:bodyPr/>
        <a:lstStyle/>
        <a:p>
          <a:endParaRPr lang="en-US"/>
        </a:p>
      </dgm:t>
    </dgm:pt>
    <dgm:pt modelId="{02F9A00E-B2FF-4897-B5E2-B11835D989D2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Development</a:t>
          </a:r>
          <a:endParaRPr lang="en-US" b="1" dirty="0">
            <a:solidFill>
              <a:schemeClr val="bg1"/>
            </a:solidFill>
          </a:endParaRPr>
        </a:p>
      </dgm:t>
    </dgm:pt>
    <dgm:pt modelId="{18740B3C-69AA-47BD-9586-287FB9E52AF1}" type="parTrans" cxnId="{226F0D90-B973-4B4B-8BBF-0FD4BFDD2C14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5DA0123D-4B41-4068-9979-BE8C6D217AFA}" type="sibTrans" cxnId="{226F0D90-B973-4B4B-8BBF-0FD4BFDD2C14}">
      <dgm:prSet/>
      <dgm:spPr/>
      <dgm:t>
        <a:bodyPr/>
        <a:lstStyle/>
        <a:p>
          <a:endParaRPr lang="en-US"/>
        </a:p>
      </dgm:t>
    </dgm:pt>
    <dgm:pt modelId="{AE40EDD5-D231-4EB2-BF55-A1D96195B796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Testing</a:t>
          </a:r>
          <a:endParaRPr lang="en-US" b="1" dirty="0">
            <a:solidFill>
              <a:schemeClr val="bg1"/>
            </a:solidFill>
          </a:endParaRPr>
        </a:p>
      </dgm:t>
    </dgm:pt>
    <dgm:pt modelId="{00E88D35-608D-4D2B-9385-50BC56688ECC}" type="parTrans" cxnId="{C31504E1-75AA-4657-B72B-CBDBB193C294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A60222F9-9BB4-414E-8435-3A547CC36F86}" type="sibTrans" cxnId="{C31504E1-75AA-4657-B72B-CBDBB193C294}">
      <dgm:prSet/>
      <dgm:spPr/>
      <dgm:t>
        <a:bodyPr/>
        <a:lstStyle/>
        <a:p>
          <a:endParaRPr lang="en-US"/>
        </a:p>
      </dgm:t>
    </dgm:pt>
    <dgm:pt modelId="{F8834707-F5B3-4E57-A0A4-D7DCD37AFBB4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Installation</a:t>
          </a:r>
          <a:endParaRPr lang="en-US" b="1" dirty="0">
            <a:solidFill>
              <a:schemeClr val="bg1"/>
            </a:solidFill>
          </a:endParaRPr>
        </a:p>
      </dgm:t>
    </dgm:pt>
    <dgm:pt modelId="{06B4FE12-4DEE-40CC-8902-F7C91077FBD4}" type="parTrans" cxnId="{FE795687-E110-4215-A273-269E993CC887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DF670039-6F64-42B3-9872-F30A6AAF9E4E}" type="sibTrans" cxnId="{FE795687-E110-4215-A273-269E993CC887}">
      <dgm:prSet/>
      <dgm:spPr/>
      <dgm:t>
        <a:bodyPr/>
        <a:lstStyle/>
        <a:p>
          <a:endParaRPr lang="en-US"/>
        </a:p>
      </dgm:t>
    </dgm:pt>
    <dgm:pt modelId="{5587B9DE-C795-4A80-86B6-435D8F54CE9B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Develop charter</a:t>
          </a:r>
          <a:endParaRPr lang="en-US" b="1" dirty="0">
            <a:solidFill>
              <a:schemeClr val="bg1"/>
            </a:solidFill>
          </a:endParaRPr>
        </a:p>
      </dgm:t>
    </dgm:pt>
    <dgm:pt modelId="{37B6175F-547D-4041-A525-C441A070EE48}" type="parTrans" cxnId="{BDADE569-E864-4130-8E07-6E0D6601BE2D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6DEC35B5-3111-42E1-9CBF-7722EB21030F}" type="sibTrans" cxnId="{BDADE569-E864-4130-8E07-6E0D6601BE2D}">
      <dgm:prSet/>
      <dgm:spPr/>
      <dgm:t>
        <a:bodyPr/>
        <a:lstStyle/>
        <a:p>
          <a:endParaRPr lang="en-US"/>
        </a:p>
      </dgm:t>
    </dgm:pt>
    <dgm:pt modelId="{A4B17644-F1D5-4201-A69F-C720C5DF8197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Response to RFP</a:t>
          </a:r>
          <a:endParaRPr lang="en-US" b="1" dirty="0">
            <a:solidFill>
              <a:schemeClr val="bg1"/>
            </a:solidFill>
          </a:endParaRPr>
        </a:p>
      </dgm:t>
    </dgm:pt>
    <dgm:pt modelId="{AA38CDD1-6683-4681-B5CF-15AA27F73127}" type="parTrans" cxnId="{E4520277-17D7-4AD2-A8F5-E8B587E9E57E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D89E5B50-D612-4393-B0C6-38484B436ECA}" type="sibTrans" cxnId="{E4520277-17D7-4AD2-A8F5-E8B587E9E57E}">
      <dgm:prSet/>
      <dgm:spPr/>
      <dgm:t>
        <a:bodyPr/>
        <a:lstStyle/>
        <a:p>
          <a:endParaRPr lang="en-US"/>
        </a:p>
      </dgm:t>
    </dgm:pt>
    <dgm:pt modelId="{7529CFDB-2376-48FD-89D3-61436BD055DD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Define scope</a:t>
          </a:r>
          <a:endParaRPr lang="en-US" b="1" dirty="0">
            <a:solidFill>
              <a:schemeClr val="bg1"/>
            </a:solidFill>
          </a:endParaRPr>
        </a:p>
      </dgm:t>
    </dgm:pt>
    <dgm:pt modelId="{721DA2E0-E1DE-4D07-8F24-0B5AE5A561C7}" type="parTrans" cxnId="{8A4E2754-D411-4917-A46E-CFA2CAF0147D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3622AE09-D754-49F7-8C77-88AA39EBE17F}" type="sibTrans" cxnId="{8A4E2754-D411-4917-A46E-CFA2CAF0147D}">
      <dgm:prSet/>
      <dgm:spPr/>
      <dgm:t>
        <a:bodyPr/>
        <a:lstStyle/>
        <a:p>
          <a:endParaRPr lang="en-US"/>
        </a:p>
      </dgm:t>
    </dgm:pt>
    <dgm:pt modelId="{CF91DAAC-0D46-4CAA-9B2E-CD12EACFB69D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Statement</a:t>
          </a:r>
          <a:endParaRPr lang="en-US" b="1" dirty="0">
            <a:solidFill>
              <a:schemeClr val="bg1"/>
            </a:solidFill>
          </a:endParaRPr>
        </a:p>
      </dgm:t>
    </dgm:pt>
    <dgm:pt modelId="{6039E104-5135-4CD0-AA03-AC3FFE08A1B9}" type="parTrans" cxnId="{77D4369D-A339-4DC9-A1C0-B82D81D878AA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A34F210C-7D03-4F58-BA0B-8E9315D9E480}" type="sibTrans" cxnId="{77D4369D-A339-4DC9-A1C0-B82D81D878AA}">
      <dgm:prSet/>
      <dgm:spPr/>
      <dgm:t>
        <a:bodyPr/>
        <a:lstStyle/>
        <a:p>
          <a:endParaRPr lang="en-US"/>
        </a:p>
      </dgm:t>
    </dgm:pt>
    <dgm:pt modelId="{77F07092-F83D-48C4-9923-594B37AA20C9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Establish team</a:t>
          </a:r>
          <a:endParaRPr lang="en-US" b="1" dirty="0">
            <a:solidFill>
              <a:schemeClr val="bg1"/>
            </a:solidFill>
          </a:endParaRPr>
        </a:p>
      </dgm:t>
    </dgm:pt>
    <dgm:pt modelId="{D5EF4C0C-FD7A-475A-8CBD-1D0B6BCE61EF}" type="parTrans" cxnId="{CBD42F65-B64A-430C-9D91-E64E2B3BB4AD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01C540F3-0DD7-4666-9C8C-B1D3022C3FD8}" type="sibTrans" cxnId="{CBD42F65-B64A-430C-9D91-E64E2B3BB4AD}">
      <dgm:prSet/>
      <dgm:spPr/>
      <dgm:t>
        <a:bodyPr/>
        <a:lstStyle/>
        <a:p>
          <a:endParaRPr lang="en-US"/>
        </a:p>
      </dgm:t>
    </dgm:pt>
    <dgm:pt modelId="{7DEC30F0-9195-4C65-B305-D408FBC3160C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Identify tasks</a:t>
          </a:r>
          <a:endParaRPr lang="en-US" b="1" dirty="0">
            <a:solidFill>
              <a:schemeClr val="bg1"/>
            </a:solidFill>
          </a:endParaRPr>
        </a:p>
      </dgm:t>
    </dgm:pt>
    <dgm:pt modelId="{E428CDAD-0B4B-41F9-A58A-DEA7DD6044F2}" type="parTrans" cxnId="{CBF1811E-BA7E-4DB7-A074-01769E8C36A2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C39ACB80-0307-4E83-BB0F-350DBA53037E}" type="sibTrans" cxnId="{CBF1811E-BA7E-4DB7-A074-01769E8C36A2}">
      <dgm:prSet/>
      <dgm:spPr/>
      <dgm:t>
        <a:bodyPr/>
        <a:lstStyle/>
        <a:p>
          <a:endParaRPr lang="en-US"/>
        </a:p>
      </dgm:t>
    </dgm:pt>
    <dgm:pt modelId="{C68300C9-B1F0-404E-8AD3-B2C8EFCAE7B1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Devel</a:t>
          </a:r>
          <a:r>
            <a:rPr lang="en-US" b="1" dirty="0">
              <a:solidFill>
                <a:schemeClr val="bg1"/>
              </a:solidFill>
            </a:rPr>
            <a:t>o</a:t>
          </a:r>
          <a:r>
            <a:rPr lang="ro-RO" b="1" dirty="0">
              <a:solidFill>
                <a:schemeClr val="bg1"/>
              </a:solidFill>
            </a:rPr>
            <a:t>p WBS</a:t>
          </a:r>
          <a:endParaRPr lang="en-US" b="1" dirty="0">
            <a:solidFill>
              <a:schemeClr val="bg1"/>
            </a:solidFill>
          </a:endParaRPr>
        </a:p>
      </dgm:t>
    </dgm:pt>
    <dgm:pt modelId="{A15F1230-DB54-4D09-B127-BF2C4CE2E87A}" type="parTrans" cxnId="{514CCA13-F549-492C-B61C-196130C40621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0C5EC6EA-9AF7-4B5E-AB40-4C38D335986A}" type="sibTrans" cxnId="{514CCA13-F549-492C-B61C-196130C40621}">
      <dgm:prSet/>
      <dgm:spPr/>
      <dgm:t>
        <a:bodyPr/>
        <a:lstStyle/>
        <a:p>
          <a:endParaRPr lang="en-US"/>
        </a:p>
      </dgm:t>
    </dgm:pt>
    <dgm:pt modelId="{2370AA98-14BD-4B36-93C1-F61FBF478204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Requirement discovery</a:t>
          </a:r>
          <a:endParaRPr lang="en-US" b="1" dirty="0">
            <a:solidFill>
              <a:schemeClr val="bg1"/>
            </a:solidFill>
          </a:endParaRPr>
        </a:p>
      </dgm:t>
    </dgm:pt>
    <dgm:pt modelId="{C045B89A-C3EC-40D2-B0C0-026257D2EB65}" type="parTrans" cxnId="{A8D3ADCB-61B2-4A1B-AFE9-AFD2B5FE8722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122F9002-9114-458E-891C-513D8F3F7E45}" type="sibTrans" cxnId="{A8D3ADCB-61B2-4A1B-AFE9-AFD2B5FE8722}">
      <dgm:prSet/>
      <dgm:spPr/>
      <dgm:t>
        <a:bodyPr/>
        <a:lstStyle/>
        <a:p>
          <a:endParaRPr lang="en-US"/>
        </a:p>
      </dgm:t>
    </dgm:pt>
    <dgm:pt modelId="{DCB4C7FB-A33F-4F32-880B-093CCD19B74B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Requirement analysis</a:t>
          </a:r>
          <a:endParaRPr lang="en-US" b="1" dirty="0">
            <a:solidFill>
              <a:schemeClr val="bg1"/>
            </a:solidFill>
          </a:endParaRPr>
        </a:p>
      </dgm:t>
    </dgm:pt>
    <dgm:pt modelId="{1B346850-A5B2-4A6B-9673-45A10A3C583C}" type="parTrans" cxnId="{7F3ACD75-A493-446C-BE57-E4B9E1E8C0B4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0EDD9C75-11CE-4A34-8086-94FB62975AC5}" type="sibTrans" cxnId="{7F3ACD75-A493-446C-BE57-E4B9E1E8C0B4}">
      <dgm:prSet/>
      <dgm:spPr/>
      <dgm:t>
        <a:bodyPr/>
        <a:lstStyle/>
        <a:p>
          <a:endParaRPr lang="en-US"/>
        </a:p>
      </dgm:t>
    </dgm:pt>
    <dgm:pt modelId="{1D8539E8-588C-4362-8FAB-27B71C403ECE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Prototyping 1</a:t>
          </a:r>
        </a:p>
      </dgm:t>
    </dgm:pt>
    <dgm:pt modelId="{6C983697-387D-4C27-B61F-0515C7211E04}" type="parTrans" cxnId="{A0676176-D0DF-468A-BFF1-501F4D7CAA61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13E8CFD0-55E9-430E-AFF7-60772DA7A89A}" type="sibTrans" cxnId="{A0676176-D0DF-468A-BFF1-501F4D7CAA61}">
      <dgm:prSet/>
      <dgm:spPr/>
      <dgm:t>
        <a:bodyPr/>
        <a:lstStyle/>
        <a:p>
          <a:endParaRPr lang="en-US"/>
        </a:p>
      </dgm:t>
    </dgm:pt>
    <dgm:pt modelId="{34E69D6D-350F-4E11-8F09-E2C952375FA0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Coding</a:t>
          </a:r>
        </a:p>
      </dgm:t>
    </dgm:pt>
    <dgm:pt modelId="{1BEEA89E-DA15-437F-B84A-E8352511246D}" type="parTrans" cxnId="{CD9513EF-B5C4-4A2E-881F-DD985A183BEE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42BE6BF9-0147-41FC-9F46-287F25D1EAC2}" type="sibTrans" cxnId="{CD9513EF-B5C4-4A2E-881F-DD985A183BEE}">
      <dgm:prSet/>
      <dgm:spPr/>
      <dgm:t>
        <a:bodyPr/>
        <a:lstStyle/>
        <a:p>
          <a:endParaRPr lang="en-US"/>
        </a:p>
      </dgm:t>
    </dgm:pt>
    <dgm:pt modelId="{80ADFD80-7BB9-45CF-8545-63474BC004F7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Debugging</a:t>
          </a:r>
        </a:p>
      </dgm:t>
    </dgm:pt>
    <dgm:pt modelId="{BFF621A8-39DA-46E5-B6F2-FB9CBDA16F19}" type="parTrans" cxnId="{E40C1D2F-270A-469D-B43A-BD25561DDA99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D5C8CB52-A0ED-4B6C-B2A0-E96E418C1611}" type="sibTrans" cxnId="{E40C1D2F-270A-469D-B43A-BD25561DDA99}">
      <dgm:prSet/>
      <dgm:spPr/>
      <dgm:t>
        <a:bodyPr/>
        <a:lstStyle/>
        <a:p>
          <a:endParaRPr lang="en-US"/>
        </a:p>
      </dgm:t>
    </dgm:pt>
    <dgm:pt modelId="{F4F0FE2B-DD5A-4B64-A7C4-FD08D931BB13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Documentation</a:t>
          </a:r>
        </a:p>
      </dgm:t>
    </dgm:pt>
    <dgm:pt modelId="{65164CED-4564-46F8-B7F3-6253933C926A}" type="parTrans" cxnId="{CCEB73E5-9A2D-4933-9E33-03C3D10C86AB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F9AE9EF9-EDC7-4933-8A45-2741781DBAD8}" type="sibTrans" cxnId="{CCEB73E5-9A2D-4933-9E33-03C3D10C86AB}">
      <dgm:prSet/>
      <dgm:spPr/>
      <dgm:t>
        <a:bodyPr/>
        <a:lstStyle/>
        <a:p>
          <a:endParaRPr lang="en-US"/>
        </a:p>
      </dgm:t>
    </dgm:pt>
    <dgm:pt modelId="{B6E3DB59-7FEE-4BE6-BD44-D4CC8F9DEA06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Test system</a:t>
          </a:r>
        </a:p>
      </dgm:t>
    </dgm:pt>
    <dgm:pt modelId="{09CF91B0-4A10-424E-BA47-460C346B996D}" type="parTrans" cxnId="{4D39F5D5-42A7-45EA-A6EC-1E1600144216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D04A7AD7-1C62-410F-8F12-BF699A2BE35C}" type="sibTrans" cxnId="{4D39F5D5-42A7-45EA-A6EC-1E1600144216}">
      <dgm:prSet/>
      <dgm:spPr/>
      <dgm:t>
        <a:bodyPr/>
        <a:lstStyle/>
        <a:p>
          <a:endParaRPr lang="en-US"/>
        </a:p>
      </dgm:t>
    </dgm:pt>
    <dgm:pt modelId="{F08F833A-0F50-490C-8E60-4D15B054E76D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Test integration</a:t>
          </a:r>
        </a:p>
      </dgm:t>
    </dgm:pt>
    <dgm:pt modelId="{EE51AA4D-9697-4079-B47B-E9888F0D49F1}" type="parTrans" cxnId="{76AF3522-CDAF-416D-8493-A28659A95EA2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CD22C82D-38D8-4147-8030-F20DE8929D66}" type="sibTrans" cxnId="{76AF3522-CDAF-416D-8493-A28659A95EA2}">
      <dgm:prSet/>
      <dgm:spPr/>
      <dgm:t>
        <a:bodyPr/>
        <a:lstStyle/>
        <a:p>
          <a:endParaRPr lang="en-US"/>
        </a:p>
      </dgm:t>
    </dgm:pt>
    <dgm:pt modelId="{4DD76486-2251-480D-BA41-39CE852D10CB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Usability testing</a:t>
          </a:r>
        </a:p>
      </dgm:t>
    </dgm:pt>
    <dgm:pt modelId="{BE17AF48-793A-40FB-8182-992A291C07EE}" type="parTrans" cxnId="{32E90C46-8AE9-4576-8E34-58E340A10D0E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3438F011-7CE9-407B-96A9-926A90BCBB71}" type="sibTrans" cxnId="{32E90C46-8AE9-4576-8E34-58E340A10D0E}">
      <dgm:prSet/>
      <dgm:spPr/>
      <dgm:t>
        <a:bodyPr/>
        <a:lstStyle/>
        <a:p>
          <a:endParaRPr lang="en-US"/>
        </a:p>
      </dgm:t>
    </dgm:pt>
    <dgm:pt modelId="{BBE4160F-29DD-4BFD-B44D-FAD39C3F05B9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Deployment</a:t>
          </a:r>
        </a:p>
      </dgm:t>
    </dgm:pt>
    <dgm:pt modelId="{5AEBCC29-4B62-45DE-88E9-2CD003D71262}" type="parTrans" cxnId="{29516269-B1D9-4A2B-89E8-AB8E66B03D78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14E00F92-5AF9-45FF-B6EE-61C0328ED690}" type="sibTrans" cxnId="{29516269-B1D9-4A2B-89E8-AB8E66B03D78}">
      <dgm:prSet/>
      <dgm:spPr/>
      <dgm:t>
        <a:bodyPr/>
        <a:lstStyle/>
        <a:p>
          <a:endParaRPr lang="en-US"/>
        </a:p>
      </dgm:t>
    </dgm:pt>
    <dgm:pt modelId="{78974B94-96DB-4D87-92C0-49F49FBF9891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User training</a:t>
          </a:r>
        </a:p>
      </dgm:t>
    </dgm:pt>
    <dgm:pt modelId="{5E11D4E0-528E-43DF-AEF0-312E8E220289}" type="parTrans" cxnId="{AF0B455E-D131-4516-AEE7-84FFCED74E4A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07C17A59-8C5A-496A-9417-448F334C2BC7}" type="sibTrans" cxnId="{AF0B455E-D131-4516-AEE7-84FFCED74E4A}">
      <dgm:prSet/>
      <dgm:spPr/>
      <dgm:t>
        <a:bodyPr/>
        <a:lstStyle/>
        <a:p>
          <a:endParaRPr lang="en-US"/>
        </a:p>
      </dgm:t>
    </dgm:pt>
    <dgm:pt modelId="{71319681-5C92-4887-B0DC-58AE4ED26DB1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Maintenance</a:t>
          </a:r>
        </a:p>
      </dgm:t>
    </dgm:pt>
    <dgm:pt modelId="{7BA0ED38-7925-4F2F-909A-13DEFE2FC4BC}" type="parTrans" cxnId="{1DE51AB3-D197-4ADA-B1E1-C97AE5BE60F0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E379A2DE-91C9-4816-8A3B-8433935E8A39}" type="sibTrans" cxnId="{1DE51AB3-D197-4ADA-B1E1-C97AE5BE60F0}">
      <dgm:prSet/>
      <dgm:spPr/>
      <dgm:t>
        <a:bodyPr/>
        <a:lstStyle/>
        <a:p>
          <a:endParaRPr lang="en-US"/>
        </a:p>
      </dgm:t>
    </dgm:pt>
    <dgm:pt modelId="{5376D4B9-B800-404A-8842-1D5B1A6BE1AC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Review</a:t>
          </a:r>
        </a:p>
      </dgm:t>
    </dgm:pt>
    <dgm:pt modelId="{BA2B464B-2C55-4595-A675-3C4FF00BCAC7}" type="parTrans" cxnId="{773F8D79-5218-4D0F-B4B8-C9FD76F894A9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0A05433E-A4D6-4997-9EB7-AD3B514AF149}" type="sibTrans" cxnId="{773F8D79-5218-4D0F-B4B8-C9FD76F894A9}">
      <dgm:prSet/>
      <dgm:spPr/>
      <dgm:t>
        <a:bodyPr/>
        <a:lstStyle/>
        <a:p>
          <a:endParaRPr lang="en-US"/>
        </a:p>
      </dgm:t>
    </dgm:pt>
    <dgm:pt modelId="{F11D3A80-31AC-414A-8BB7-0187A03E5432}" type="pres">
      <dgm:prSet presAssocID="{FDD16752-FC69-49DE-B99F-FEA15E984002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4153E196-9B25-4666-8AA4-43B6C0F78206}" type="pres">
      <dgm:prSet presAssocID="{627A9606-B56A-4AD7-AD20-7CBDFF5D3315}" presName="hierRoot1" presStyleCnt="0">
        <dgm:presLayoutVars>
          <dgm:hierBranch val="init"/>
        </dgm:presLayoutVars>
      </dgm:prSet>
      <dgm:spPr/>
    </dgm:pt>
    <dgm:pt modelId="{C4D7BF9C-1D3D-4AD3-8B19-C93B8F9D53FF}" type="pres">
      <dgm:prSet presAssocID="{627A9606-B56A-4AD7-AD20-7CBDFF5D3315}" presName="rootComposite1" presStyleCnt="0"/>
      <dgm:spPr/>
    </dgm:pt>
    <dgm:pt modelId="{DE93D893-03D7-4C06-9427-281031F0590D}" type="pres">
      <dgm:prSet presAssocID="{627A9606-B56A-4AD7-AD20-7CBDFF5D3315}" presName="rootText1" presStyleLbl="node0" presStyleIdx="0" presStyleCnt="1" custScaleX="266798" custScaleY="76806" custLinFactNeighborX="1277" custLinFactNeighborY="243">
        <dgm:presLayoutVars>
          <dgm:chPref val="3"/>
        </dgm:presLayoutVars>
      </dgm:prSet>
      <dgm:spPr/>
    </dgm:pt>
    <dgm:pt modelId="{E7783ECF-0DA6-468C-9E96-6FC491AD223C}" type="pres">
      <dgm:prSet presAssocID="{627A9606-B56A-4AD7-AD20-7CBDFF5D3315}" presName="rootConnector1" presStyleLbl="node1" presStyleIdx="0" presStyleCnt="0"/>
      <dgm:spPr/>
    </dgm:pt>
    <dgm:pt modelId="{1B6A62B3-D034-43D5-942A-AFBF2EE72B78}" type="pres">
      <dgm:prSet presAssocID="{627A9606-B56A-4AD7-AD20-7CBDFF5D3315}" presName="hierChild2" presStyleCnt="0"/>
      <dgm:spPr/>
    </dgm:pt>
    <dgm:pt modelId="{B10BDDB5-89A9-459E-8733-0652A71EE3AF}" type="pres">
      <dgm:prSet presAssocID="{54EAE3EA-6F57-4324-82BB-2079E177A7E8}" presName="Name37" presStyleLbl="parChTrans1D2" presStyleIdx="0" presStyleCnt="6" custSzY="228600"/>
      <dgm:spPr/>
    </dgm:pt>
    <dgm:pt modelId="{A5C5DD4B-F9C2-451C-93B3-D9DD7BF23691}" type="pres">
      <dgm:prSet presAssocID="{62969DE7-A030-43A7-ACFE-A2A07FD4C414}" presName="hierRoot2" presStyleCnt="0">
        <dgm:presLayoutVars>
          <dgm:hierBranch val="init"/>
        </dgm:presLayoutVars>
      </dgm:prSet>
      <dgm:spPr/>
    </dgm:pt>
    <dgm:pt modelId="{6BB91BEF-8DEB-4D16-B8FC-2F5F45C3222F}" type="pres">
      <dgm:prSet presAssocID="{62969DE7-A030-43A7-ACFE-A2A07FD4C414}" presName="rootComposite" presStyleCnt="0"/>
      <dgm:spPr/>
    </dgm:pt>
    <dgm:pt modelId="{7F315924-B694-41DA-8BE3-324691512D72}" type="pres">
      <dgm:prSet presAssocID="{62969DE7-A030-43A7-ACFE-A2A07FD4C414}" presName="rootText" presStyleLbl="node2" presStyleIdx="0" presStyleCnt="6" custScaleX="157454" custScaleY="47547">
        <dgm:presLayoutVars>
          <dgm:chPref val="3"/>
        </dgm:presLayoutVars>
      </dgm:prSet>
      <dgm:spPr/>
    </dgm:pt>
    <dgm:pt modelId="{C653B071-8FFC-4EC1-8EA0-84600DEC5410}" type="pres">
      <dgm:prSet presAssocID="{62969DE7-A030-43A7-ACFE-A2A07FD4C414}" presName="rootConnector" presStyleLbl="node2" presStyleIdx="0" presStyleCnt="6"/>
      <dgm:spPr/>
    </dgm:pt>
    <dgm:pt modelId="{0AF29723-F789-43C1-A658-69E81A9EACC3}" type="pres">
      <dgm:prSet presAssocID="{62969DE7-A030-43A7-ACFE-A2A07FD4C414}" presName="hierChild4" presStyleCnt="0"/>
      <dgm:spPr/>
    </dgm:pt>
    <dgm:pt modelId="{A41FED37-668A-48F0-8678-CBF74E63F0E3}" type="pres">
      <dgm:prSet presAssocID="{37B6175F-547D-4041-A525-C441A070EE48}" presName="Name37" presStyleLbl="parChTrans1D3" presStyleIdx="0" presStyleCnt="20" custSzY="228600"/>
      <dgm:spPr/>
    </dgm:pt>
    <dgm:pt modelId="{D4F55467-24D9-4173-A340-A9DE59CF262F}" type="pres">
      <dgm:prSet presAssocID="{5587B9DE-C795-4A80-86B6-435D8F54CE9B}" presName="hierRoot2" presStyleCnt="0">
        <dgm:presLayoutVars>
          <dgm:hierBranch val="init"/>
        </dgm:presLayoutVars>
      </dgm:prSet>
      <dgm:spPr/>
    </dgm:pt>
    <dgm:pt modelId="{8F07E25C-6ED2-4458-AB0B-43013EE51E34}" type="pres">
      <dgm:prSet presAssocID="{5587B9DE-C795-4A80-86B6-435D8F54CE9B}" presName="rootComposite" presStyleCnt="0"/>
      <dgm:spPr/>
    </dgm:pt>
    <dgm:pt modelId="{435DF1FE-BF18-4B54-9460-7ADB9668D64C}" type="pres">
      <dgm:prSet presAssocID="{5587B9DE-C795-4A80-86B6-435D8F54CE9B}" presName="rootText" presStyleLbl="node3" presStyleIdx="0" presStyleCnt="20" custScaleX="130522" custScaleY="47547">
        <dgm:presLayoutVars>
          <dgm:chPref val="3"/>
        </dgm:presLayoutVars>
      </dgm:prSet>
      <dgm:spPr/>
    </dgm:pt>
    <dgm:pt modelId="{178C102B-8733-444D-9546-A718DA8CDE39}" type="pres">
      <dgm:prSet presAssocID="{5587B9DE-C795-4A80-86B6-435D8F54CE9B}" presName="rootConnector" presStyleLbl="node3" presStyleIdx="0" presStyleCnt="20"/>
      <dgm:spPr/>
    </dgm:pt>
    <dgm:pt modelId="{8C259039-143C-43F8-99D9-B7A72F0505F8}" type="pres">
      <dgm:prSet presAssocID="{5587B9DE-C795-4A80-86B6-435D8F54CE9B}" presName="hierChild4" presStyleCnt="0"/>
      <dgm:spPr/>
    </dgm:pt>
    <dgm:pt modelId="{7125DBD6-6161-4679-9BBC-5036D2F1A7A4}" type="pres">
      <dgm:prSet presAssocID="{5587B9DE-C795-4A80-86B6-435D8F54CE9B}" presName="hierChild5" presStyleCnt="0"/>
      <dgm:spPr/>
    </dgm:pt>
    <dgm:pt modelId="{C76BFEEB-DD88-4847-A17E-72E005057DE0}" type="pres">
      <dgm:prSet presAssocID="{AA38CDD1-6683-4681-B5CF-15AA27F73127}" presName="Name37" presStyleLbl="parChTrans1D3" presStyleIdx="1" presStyleCnt="20" custSzY="228600"/>
      <dgm:spPr/>
    </dgm:pt>
    <dgm:pt modelId="{EF8DB698-4472-401E-A483-6D03C271D22A}" type="pres">
      <dgm:prSet presAssocID="{A4B17644-F1D5-4201-A69F-C720C5DF8197}" presName="hierRoot2" presStyleCnt="0">
        <dgm:presLayoutVars>
          <dgm:hierBranch val="init"/>
        </dgm:presLayoutVars>
      </dgm:prSet>
      <dgm:spPr/>
    </dgm:pt>
    <dgm:pt modelId="{79C4AAAE-E63C-481F-97AC-FDBF0B71AF1A}" type="pres">
      <dgm:prSet presAssocID="{A4B17644-F1D5-4201-A69F-C720C5DF8197}" presName="rootComposite" presStyleCnt="0"/>
      <dgm:spPr/>
    </dgm:pt>
    <dgm:pt modelId="{9697A35B-3FB6-4575-9E65-07D7EE0F581E}" type="pres">
      <dgm:prSet presAssocID="{A4B17644-F1D5-4201-A69F-C720C5DF8197}" presName="rootText" presStyleLbl="node3" presStyleIdx="1" presStyleCnt="20" custScaleX="130522" custScaleY="47547">
        <dgm:presLayoutVars>
          <dgm:chPref val="3"/>
        </dgm:presLayoutVars>
      </dgm:prSet>
      <dgm:spPr/>
    </dgm:pt>
    <dgm:pt modelId="{41DF36CE-DAB8-43B8-809B-3E4A59E3BE9A}" type="pres">
      <dgm:prSet presAssocID="{A4B17644-F1D5-4201-A69F-C720C5DF8197}" presName="rootConnector" presStyleLbl="node3" presStyleIdx="1" presStyleCnt="20"/>
      <dgm:spPr/>
    </dgm:pt>
    <dgm:pt modelId="{57022357-9DB0-4665-B39E-31E465282B9C}" type="pres">
      <dgm:prSet presAssocID="{A4B17644-F1D5-4201-A69F-C720C5DF8197}" presName="hierChild4" presStyleCnt="0"/>
      <dgm:spPr/>
    </dgm:pt>
    <dgm:pt modelId="{96FF413C-A2BE-48AE-AE4E-70DC381E54D0}" type="pres">
      <dgm:prSet presAssocID="{A4B17644-F1D5-4201-A69F-C720C5DF8197}" presName="hierChild5" presStyleCnt="0"/>
      <dgm:spPr/>
    </dgm:pt>
    <dgm:pt modelId="{857D4559-8CE9-48A4-8564-5B458F81AEB4}" type="pres">
      <dgm:prSet presAssocID="{62969DE7-A030-43A7-ACFE-A2A07FD4C414}" presName="hierChild5" presStyleCnt="0"/>
      <dgm:spPr/>
    </dgm:pt>
    <dgm:pt modelId="{DB3E17BF-3604-432F-9E6E-43938F2EE7C9}" type="pres">
      <dgm:prSet presAssocID="{DA6E9733-A889-4D33-B381-0E520E9823E9}" presName="Name37" presStyleLbl="parChTrans1D2" presStyleIdx="1" presStyleCnt="6" custSzY="228600"/>
      <dgm:spPr/>
    </dgm:pt>
    <dgm:pt modelId="{2D811C1F-F03B-44B2-8820-196A768C6399}" type="pres">
      <dgm:prSet presAssocID="{D44F963F-C5BE-4B4E-8D6C-D5E7A39A441C}" presName="hierRoot2" presStyleCnt="0">
        <dgm:presLayoutVars>
          <dgm:hierBranch val="init"/>
        </dgm:presLayoutVars>
      </dgm:prSet>
      <dgm:spPr/>
    </dgm:pt>
    <dgm:pt modelId="{01D2FEB2-4928-48EA-B290-67F06AE951B6}" type="pres">
      <dgm:prSet presAssocID="{D44F963F-C5BE-4B4E-8D6C-D5E7A39A441C}" presName="rootComposite" presStyleCnt="0"/>
      <dgm:spPr/>
    </dgm:pt>
    <dgm:pt modelId="{9CDF24FD-B1BF-42B3-8C23-49FC0B64F7E2}" type="pres">
      <dgm:prSet presAssocID="{D44F963F-C5BE-4B4E-8D6C-D5E7A39A441C}" presName="rootText" presStyleLbl="node2" presStyleIdx="1" presStyleCnt="6" custScaleX="157454" custScaleY="47547">
        <dgm:presLayoutVars>
          <dgm:chPref val="3"/>
        </dgm:presLayoutVars>
      </dgm:prSet>
      <dgm:spPr/>
    </dgm:pt>
    <dgm:pt modelId="{003FFD91-9F94-435A-A119-149B61350B97}" type="pres">
      <dgm:prSet presAssocID="{D44F963F-C5BE-4B4E-8D6C-D5E7A39A441C}" presName="rootConnector" presStyleLbl="node2" presStyleIdx="1" presStyleCnt="6"/>
      <dgm:spPr/>
    </dgm:pt>
    <dgm:pt modelId="{23EB1A76-A2FD-4125-9599-E78DEB957532}" type="pres">
      <dgm:prSet presAssocID="{D44F963F-C5BE-4B4E-8D6C-D5E7A39A441C}" presName="hierChild4" presStyleCnt="0"/>
      <dgm:spPr/>
    </dgm:pt>
    <dgm:pt modelId="{AE3DF7D5-84F3-4D22-91D7-B3A1DF5162B4}" type="pres">
      <dgm:prSet presAssocID="{721DA2E0-E1DE-4D07-8F24-0B5AE5A561C7}" presName="Name37" presStyleLbl="parChTrans1D3" presStyleIdx="2" presStyleCnt="20" custSzY="228600"/>
      <dgm:spPr/>
    </dgm:pt>
    <dgm:pt modelId="{AD0C83B3-5498-4862-9295-44038EA32CF3}" type="pres">
      <dgm:prSet presAssocID="{7529CFDB-2376-48FD-89D3-61436BD055DD}" presName="hierRoot2" presStyleCnt="0">
        <dgm:presLayoutVars>
          <dgm:hierBranch val="init"/>
        </dgm:presLayoutVars>
      </dgm:prSet>
      <dgm:spPr/>
    </dgm:pt>
    <dgm:pt modelId="{45702F43-4953-4F4E-AAC7-A5739E26643F}" type="pres">
      <dgm:prSet presAssocID="{7529CFDB-2376-48FD-89D3-61436BD055DD}" presName="rootComposite" presStyleCnt="0"/>
      <dgm:spPr/>
    </dgm:pt>
    <dgm:pt modelId="{40073E45-9D06-4801-A925-5A86C5EA24D8}" type="pres">
      <dgm:prSet presAssocID="{7529CFDB-2376-48FD-89D3-61436BD055DD}" presName="rootText" presStyleLbl="node3" presStyleIdx="2" presStyleCnt="20" custScaleY="47547">
        <dgm:presLayoutVars>
          <dgm:chPref val="3"/>
        </dgm:presLayoutVars>
      </dgm:prSet>
      <dgm:spPr/>
    </dgm:pt>
    <dgm:pt modelId="{A3C12C70-00F5-4D4F-AAF3-4DA1469C21FA}" type="pres">
      <dgm:prSet presAssocID="{7529CFDB-2376-48FD-89D3-61436BD055DD}" presName="rootConnector" presStyleLbl="node3" presStyleIdx="2" presStyleCnt="20"/>
      <dgm:spPr/>
    </dgm:pt>
    <dgm:pt modelId="{D3BE81AE-29AC-4A66-92C3-6EE2E663C522}" type="pres">
      <dgm:prSet presAssocID="{7529CFDB-2376-48FD-89D3-61436BD055DD}" presName="hierChild4" presStyleCnt="0"/>
      <dgm:spPr/>
    </dgm:pt>
    <dgm:pt modelId="{1EA73FAD-7A83-449C-8FA4-2C6B3D7BBA96}" type="pres">
      <dgm:prSet presAssocID="{7529CFDB-2376-48FD-89D3-61436BD055DD}" presName="hierChild5" presStyleCnt="0"/>
      <dgm:spPr/>
    </dgm:pt>
    <dgm:pt modelId="{1C88CB2D-11B7-4695-911E-C24042727029}" type="pres">
      <dgm:prSet presAssocID="{6039E104-5135-4CD0-AA03-AC3FFE08A1B9}" presName="Name37" presStyleLbl="parChTrans1D3" presStyleIdx="3" presStyleCnt="20" custSzY="228600"/>
      <dgm:spPr/>
    </dgm:pt>
    <dgm:pt modelId="{5610C14F-7741-4471-A239-478C78891524}" type="pres">
      <dgm:prSet presAssocID="{CF91DAAC-0D46-4CAA-9B2E-CD12EACFB69D}" presName="hierRoot2" presStyleCnt="0">
        <dgm:presLayoutVars>
          <dgm:hierBranch val="init"/>
        </dgm:presLayoutVars>
      </dgm:prSet>
      <dgm:spPr/>
    </dgm:pt>
    <dgm:pt modelId="{FAAA0181-EFE8-4F89-AE8C-3E3D841B2CB9}" type="pres">
      <dgm:prSet presAssocID="{CF91DAAC-0D46-4CAA-9B2E-CD12EACFB69D}" presName="rootComposite" presStyleCnt="0"/>
      <dgm:spPr/>
    </dgm:pt>
    <dgm:pt modelId="{8100F284-DE8B-469D-B1A9-0DCD93A9C044}" type="pres">
      <dgm:prSet presAssocID="{CF91DAAC-0D46-4CAA-9B2E-CD12EACFB69D}" presName="rootText" presStyleLbl="node3" presStyleIdx="3" presStyleCnt="20" custScaleY="47547">
        <dgm:presLayoutVars>
          <dgm:chPref val="3"/>
        </dgm:presLayoutVars>
      </dgm:prSet>
      <dgm:spPr/>
    </dgm:pt>
    <dgm:pt modelId="{EF9115C8-63C4-4D9B-9AD5-C9D51B15E514}" type="pres">
      <dgm:prSet presAssocID="{CF91DAAC-0D46-4CAA-9B2E-CD12EACFB69D}" presName="rootConnector" presStyleLbl="node3" presStyleIdx="3" presStyleCnt="20"/>
      <dgm:spPr/>
    </dgm:pt>
    <dgm:pt modelId="{418468F2-85A8-499C-A6F9-52ABC88C8FFC}" type="pres">
      <dgm:prSet presAssocID="{CF91DAAC-0D46-4CAA-9B2E-CD12EACFB69D}" presName="hierChild4" presStyleCnt="0"/>
      <dgm:spPr/>
    </dgm:pt>
    <dgm:pt modelId="{577DA01B-E96E-4E55-BF49-1382FC503D88}" type="pres">
      <dgm:prSet presAssocID="{CF91DAAC-0D46-4CAA-9B2E-CD12EACFB69D}" presName="hierChild5" presStyleCnt="0"/>
      <dgm:spPr/>
    </dgm:pt>
    <dgm:pt modelId="{E941B4FE-96DC-45EC-BDFC-A3A3E710951F}" type="pres">
      <dgm:prSet presAssocID="{D5EF4C0C-FD7A-475A-8CBD-1D0B6BCE61EF}" presName="Name37" presStyleLbl="parChTrans1D3" presStyleIdx="4" presStyleCnt="20" custSzY="228600"/>
      <dgm:spPr/>
    </dgm:pt>
    <dgm:pt modelId="{0231F497-83FA-4F19-A0EE-33C30CA4E56E}" type="pres">
      <dgm:prSet presAssocID="{77F07092-F83D-48C4-9923-594B37AA20C9}" presName="hierRoot2" presStyleCnt="0">
        <dgm:presLayoutVars>
          <dgm:hierBranch val="init"/>
        </dgm:presLayoutVars>
      </dgm:prSet>
      <dgm:spPr/>
    </dgm:pt>
    <dgm:pt modelId="{CCBB0232-2D29-42D4-9BD0-8BD19E9FB829}" type="pres">
      <dgm:prSet presAssocID="{77F07092-F83D-48C4-9923-594B37AA20C9}" presName="rootComposite" presStyleCnt="0"/>
      <dgm:spPr/>
    </dgm:pt>
    <dgm:pt modelId="{C647A73C-974B-4899-846E-B220C59CF9AB}" type="pres">
      <dgm:prSet presAssocID="{77F07092-F83D-48C4-9923-594B37AA20C9}" presName="rootText" presStyleLbl="node3" presStyleIdx="4" presStyleCnt="20" custScaleY="47547">
        <dgm:presLayoutVars>
          <dgm:chPref val="3"/>
        </dgm:presLayoutVars>
      </dgm:prSet>
      <dgm:spPr/>
    </dgm:pt>
    <dgm:pt modelId="{E9667915-2CDE-4AD1-9A02-636F0D0E8E2B}" type="pres">
      <dgm:prSet presAssocID="{77F07092-F83D-48C4-9923-594B37AA20C9}" presName="rootConnector" presStyleLbl="node3" presStyleIdx="4" presStyleCnt="20"/>
      <dgm:spPr/>
    </dgm:pt>
    <dgm:pt modelId="{E5C66B3B-D95F-4B64-A309-496760F8AA0A}" type="pres">
      <dgm:prSet presAssocID="{77F07092-F83D-48C4-9923-594B37AA20C9}" presName="hierChild4" presStyleCnt="0"/>
      <dgm:spPr/>
    </dgm:pt>
    <dgm:pt modelId="{D02D87E1-BE3D-46B7-86A3-D6EDBD67A325}" type="pres">
      <dgm:prSet presAssocID="{77F07092-F83D-48C4-9923-594B37AA20C9}" presName="hierChild5" presStyleCnt="0"/>
      <dgm:spPr/>
    </dgm:pt>
    <dgm:pt modelId="{1E09AB46-26C2-401D-8265-A23B399F396D}" type="pres">
      <dgm:prSet presAssocID="{E428CDAD-0B4B-41F9-A58A-DEA7DD6044F2}" presName="Name37" presStyleLbl="parChTrans1D3" presStyleIdx="5" presStyleCnt="20" custSzY="228600"/>
      <dgm:spPr/>
    </dgm:pt>
    <dgm:pt modelId="{5C79CD07-7F2C-4F50-BC51-BFD4C3F51B91}" type="pres">
      <dgm:prSet presAssocID="{7DEC30F0-9195-4C65-B305-D408FBC3160C}" presName="hierRoot2" presStyleCnt="0">
        <dgm:presLayoutVars>
          <dgm:hierBranch val="init"/>
        </dgm:presLayoutVars>
      </dgm:prSet>
      <dgm:spPr/>
    </dgm:pt>
    <dgm:pt modelId="{C2B98067-3EE5-40F7-BB12-E4F2ABD98125}" type="pres">
      <dgm:prSet presAssocID="{7DEC30F0-9195-4C65-B305-D408FBC3160C}" presName="rootComposite" presStyleCnt="0"/>
      <dgm:spPr/>
    </dgm:pt>
    <dgm:pt modelId="{F28C5CBC-627B-4211-A282-F7F8E7F55F65}" type="pres">
      <dgm:prSet presAssocID="{7DEC30F0-9195-4C65-B305-D408FBC3160C}" presName="rootText" presStyleLbl="node3" presStyleIdx="5" presStyleCnt="20" custScaleY="47547">
        <dgm:presLayoutVars>
          <dgm:chPref val="3"/>
        </dgm:presLayoutVars>
      </dgm:prSet>
      <dgm:spPr/>
    </dgm:pt>
    <dgm:pt modelId="{BD122A5F-FA59-4F6F-9FDC-9E3B6819CDE5}" type="pres">
      <dgm:prSet presAssocID="{7DEC30F0-9195-4C65-B305-D408FBC3160C}" presName="rootConnector" presStyleLbl="node3" presStyleIdx="5" presStyleCnt="20"/>
      <dgm:spPr/>
    </dgm:pt>
    <dgm:pt modelId="{A1701E71-9950-4D6E-8F18-6554248A799F}" type="pres">
      <dgm:prSet presAssocID="{7DEC30F0-9195-4C65-B305-D408FBC3160C}" presName="hierChild4" presStyleCnt="0"/>
      <dgm:spPr/>
    </dgm:pt>
    <dgm:pt modelId="{40FB2E4D-27E3-4215-ACB3-2F1C10DDBB7D}" type="pres">
      <dgm:prSet presAssocID="{7DEC30F0-9195-4C65-B305-D408FBC3160C}" presName="hierChild5" presStyleCnt="0"/>
      <dgm:spPr/>
    </dgm:pt>
    <dgm:pt modelId="{B2167E37-82D9-4560-A9E3-FF0EB252CE98}" type="pres">
      <dgm:prSet presAssocID="{A15F1230-DB54-4D09-B127-BF2C4CE2E87A}" presName="Name37" presStyleLbl="parChTrans1D3" presStyleIdx="6" presStyleCnt="20" custSzY="228600"/>
      <dgm:spPr/>
    </dgm:pt>
    <dgm:pt modelId="{84128803-1E9B-42D2-AD90-E737F3720D17}" type="pres">
      <dgm:prSet presAssocID="{C68300C9-B1F0-404E-8AD3-B2C8EFCAE7B1}" presName="hierRoot2" presStyleCnt="0">
        <dgm:presLayoutVars>
          <dgm:hierBranch val="init"/>
        </dgm:presLayoutVars>
      </dgm:prSet>
      <dgm:spPr/>
    </dgm:pt>
    <dgm:pt modelId="{9D852AF4-427A-4A10-A45D-D141F917A4ED}" type="pres">
      <dgm:prSet presAssocID="{C68300C9-B1F0-404E-8AD3-B2C8EFCAE7B1}" presName="rootComposite" presStyleCnt="0"/>
      <dgm:spPr/>
    </dgm:pt>
    <dgm:pt modelId="{3902FC0E-3AE0-48DC-B0EA-C12B011687FD}" type="pres">
      <dgm:prSet presAssocID="{C68300C9-B1F0-404E-8AD3-B2C8EFCAE7B1}" presName="rootText" presStyleLbl="node3" presStyleIdx="6" presStyleCnt="20" custScaleY="47547">
        <dgm:presLayoutVars>
          <dgm:chPref val="3"/>
        </dgm:presLayoutVars>
      </dgm:prSet>
      <dgm:spPr/>
    </dgm:pt>
    <dgm:pt modelId="{77AA6D6D-5050-4ACF-B53B-9356612F70D0}" type="pres">
      <dgm:prSet presAssocID="{C68300C9-B1F0-404E-8AD3-B2C8EFCAE7B1}" presName="rootConnector" presStyleLbl="node3" presStyleIdx="6" presStyleCnt="20"/>
      <dgm:spPr/>
    </dgm:pt>
    <dgm:pt modelId="{6F70EBB8-D74C-4C4A-AB8C-3EAAFCAB6680}" type="pres">
      <dgm:prSet presAssocID="{C68300C9-B1F0-404E-8AD3-B2C8EFCAE7B1}" presName="hierChild4" presStyleCnt="0"/>
      <dgm:spPr/>
    </dgm:pt>
    <dgm:pt modelId="{90A3EBC4-D586-413C-99A7-E8560E624556}" type="pres">
      <dgm:prSet presAssocID="{C68300C9-B1F0-404E-8AD3-B2C8EFCAE7B1}" presName="hierChild5" presStyleCnt="0"/>
      <dgm:spPr/>
    </dgm:pt>
    <dgm:pt modelId="{6A2F9151-B589-438B-A3A2-3623235EF432}" type="pres">
      <dgm:prSet presAssocID="{D44F963F-C5BE-4B4E-8D6C-D5E7A39A441C}" presName="hierChild5" presStyleCnt="0"/>
      <dgm:spPr/>
    </dgm:pt>
    <dgm:pt modelId="{99FFC313-D861-4492-A68D-41A4BF9B74DD}" type="pres">
      <dgm:prSet presAssocID="{0AF61A29-BD08-43C7-8844-78243E311375}" presName="Name37" presStyleLbl="parChTrans1D2" presStyleIdx="2" presStyleCnt="6" custSzY="228600"/>
      <dgm:spPr/>
    </dgm:pt>
    <dgm:pt modelId="{6C8BFF1B-B517-4708-89E7-1C4FBF26A590}" type="pres">
      <dgm:prSet presAssocID="{32807BD1-3D67-4D05-A0AD-CEC6DDC7EA75}" presName="hierRoot2" presStyleCnt="0">
        <dgm:presLayoutVars>
          <dgm:hierBranch val="init"/>
        </dgm:presLayoutVars>
      </dgm:prSet>
      <dgm:spPr/>
    </dgm:pt>
    <dgm:pt modelId="{6BBF13B4-9FE8-4E4B-9C3F-7F1633CF6D97}" type="pres">
      <dgm:prSet presAssocID="{32807BD1-3D67-4D05-A0AD-CEC6DDC7EA75}" presName="rootComposite" presStyleCnt="0"/>
      <dgm:spPr/>
    </dgm:pt>
    <dgm:pt modelId="{3A4FBEC5-5789-4C16-9D82-195F054274A2}" type="pres">
      <dgm:prSet presAssocID="{32807BD1-3D67-4D05-A0AD-CEC6DDC7EA75}" presName="rootText" presStyleLbl="node2" presStyleIdx="2" presStyleCnt="6" custScaleY="47547">
        <dgm:presLayoutVars>
          <dgm:chPref val="3"/>
        </dgm:presLayoutVars>
      </dgm:prSet>
      <dgm:spPr/>
    </dgm:pt>
    <dgm:pt modelId="{5AE7E046-3CFC-41D4-A49D-BE432199385C}" type="pres">
      <dgm:prSet presAssocID="{32807BD1-3D67-4D05-A0AD-CEC6DDC7EA75}" presName="rootConnector" presStyleLbl="node2" presStyleIdx="2" presStyleCnt="6"/>
      <dgm:spPr/>
    </dgm:pt>
    <dgm:pt modelId="{3CD15704-95D1-470F-8C2F-B5E35BA6D4C6}" type="pres">
      <dgm:prSet presAssocID="{32807BD1-3D67-4D05-A0AD-CEC6DDC7EA75}" presName="hierChild4" presStyleCnt="0"/>
      <dgm:spPr/>
    </dgm:pt>
    <dgm:pt modelId="{7B0939E3-B16B-4AB6-918E-660B4E3EA43F}" type="pres">
      <dgm:prSet presAssocID="{C045B89A-C3EC-40D2-B0C0-026257D2EB65}" presName="Name37" presStyleLbl="parChTrans1D3" presStyleIdx="7" presStyleCnt="20" custSzY="228600"/>
      <dgm:spPr/>
    </dgm:pt>
    <dgm:pt modelId="{13C5AA8C-B3D1-4CE2-A370-D8B8B04EEF75}" type="pres">
      <dgm:prSet presAssocID="{2370AA98-14BD-4B36-93C1-F61FBF478204}" presName="hierRoot2" presStyleCnt="0">
        <dgm:presLayoutVars>
          <dgm:hierBranch val="init"/>
        </dgm:presLayoutVars>
      </dgm:prSet>
      <dgm:spPr/>
    </dgm:pt>
    <dgm:pt modelId="{02B2AD80-6C57-492E-8A48-41712A795667}" type="pres">
      <dgm:prSet presAssocID="{2370AA98-14BD-4B36-93C1-F61FBF478204}" presName="rootComposite" presStyleCnt="0"/>
      <dgm:spPr/>
    </dgm:pt>
    <dgm:pt modelId="{FF542CFF-1527-4E82-B16A-378B26C0B24A}" type="pres">
      <dgm:prSet presAssocID="{2370AA98-14BD-4B36-93C1-F61FBF478204}" presName="rootText" presStyleLbl="node3" presStyleIdx="7" presStyleCnt="20" custScaleX="153814" custScaleY="47547">
        <dgm:presLayoutVars>
          <dgm:chPref val="3"/>
        </dgm:presLayoutVars>
      </dgm:prSet>
      <dgm:spPr/>
    </dgm:pt>
    <dgm:pt modelId="{A9AE207C-BA74-4FC8-811A-9CA16ABAA75C}" type="pres">
      <dgm:prSet presAssocID="{2370AA98-14BD-4B36-93C1-F61FBF478204}" presName="rootConnector" presStyleLbl="node3" presStyleIdx="7" presStyleCnt="20"/>
      <dgm:spPr/>
    </dgm:pt>
    <dgm:pt modelId="{5E07DEA1-2C46-4CD6-9D57-5F5FDEBE62D9}" type="pres">
      <dgm:prSet presAssocID="{2370AA98-14BD-4B36-93C1-F61FBF478204}" presName="hierChild4" presStyleCnt="0"/>
      <dgm:spPr/>
    </dgm:pt>
    <dgm:pt modelId="{43EE6866-CB2B-4DB4-959E-63AEBFD912F5}" type="pres">
      <dgm:prSet presAssocID="{2370AA98-14BD-4B36-93C1-F61FBF478204}" presName="hierChild5" presStyleCnt="0"/>
      <dgm:spPr/>
    </dgm:pt>
    <dgm:pt modelId="{6B563B3B-C3BC-41F2-B74A-ED7F9227E059}" type="pres">
      <dgm:prSet presAssocID="{1B346850-A5B2-4A6B-9673-45A10A3C583C}" presName="Name37" presStyleLbl="parChTrans1D3" presStyleIdx="8" presStyleCnt="20" custSzY="228600"/>
      <dgm:spPr/>
    </dgm:pt>
    <dgm:pt modelId="{C9C0FF27-B52C-4490-9E28-39387B654444}" type="pres">
      <dgm:prSet presAssocID="{DCB4C7FB-A33F-4F32-880B-093CCD19B74B}" presName="hierRoot2" presStyleCnt="0">
        <dgm:presLayoutVars>
          <dgm:hierBranch val="init"/>
        </dgm:presLayoutVars>
      </dgm:prSet>
      <dgm:spPr/>
    </dgm:pt>
    <dgm:pt modelId="{C432673D-25D4-46FF-BBC1-27F6FC08796B}" type="pres">
      <dgm:prSet presAssocID="{DCB4C7FB-A33F-4F32-880B-093CCD19B74B}" presName="rootComposite" presStyleCnt="0"/>
      <dgm:spPr/>
    </dgm:pt>
    <dgm:pt modelId="{0D0EDD5A-8061-4852-9273-1D225B0B42FB}" type="pres">
      <dgm:prSet presAssocID="{DCB4C7FB-A33F-4F32-880B-093CCD19B74B}" presName="rootText" presStyleLbl="node3" presStyleIdx="8" presStyleCnt="20" custScaleX="153814" custScaleY="47547">
        <dgm:presLayoutVars>
          <dgm:chPref val="3"/>
        </dgm:presLayoutVars>
      </dgm:prSet>
      <dgm:spPr/>
    </dgm:pt>
    <dgm:pt modelId="{DD26A9E4-71F3-45AA-A73D-EA47D041C38C}" type="pres">
      <dgm:prSet presAssocID="{DCB4C7FB-A33F-4F32-880B-093CCD19B74B}" presName="rootConnector" presStyleLbl="node3" presStyleIdx="8" presStyleCnt="20"/>
      <dgm:spPr/>
    </dgm:pt>
    <dgm:pt modelId="{98EDBD83-AB30-410B-84E2-AABE373DFBA5}" type="pres">
      <dgm:prSet presAssocID="{DCB4C7FB-A33F-4F32-880B-093CCD19B74B}" presName="hierChild4" presStyleCnt="0"/>
      <dgm:spPr/>
    </dgm:pt>
    <dgm:pt modelId="{99A3AE92-ECB6-4020-8A6D-9E359F20EAB3}" type="pres">
      <dgm:prSet presAssocID="{DCB4C7FB-A33F-4F32-880B-093CCD19B74B}" presName="hierChild5" presStyleCnt="0"/>
      <dgm:spPr/>
    </dgm:pt>
    <dgm:pt modelId="{4760CEFD-1396-4FB8-A276-54FD6F7EDEB5}" type="pres">
      <dgm:prSet presAssocID="{6C983697-387D-4C27-B61F-0515C7211E04}" presName="Name37" presStyleLbl="parChTrans1D3" presStyleIdx="9" presStyleCnt="20" custSzY="228600"/>
      <dgm:spPr/>
    </dgm:pt>
    <dgm:pt modelId="{4C3C20D2-3520-487C-AD8E-4C809571185E}" type="pres">
      <dgm:prSet presAssocID="{1D8539E8-588C-4362-8FAB-27B71C403ECE}" presName="hierRoot2" presStyleCnt="0">
        <dgm:presLayoutVars>
          <dgm:hierBranch val="init"/>
        </dgm:presLayoutVars>
      </dgm:prSet>
      <dgm:spPr/>
    </dgm:pt>
    <dgm:pt modelId="{B7044EDA-57D6-4017-8B8B-8BD476B683A7}" type="pres">
      <dgm:prSet presAssocID="{1D8539E8-588C-4362-8FAB-27B71C403ECE}" presName="rootComposite" presStyleCnt="0"/>
      <dgm:spPr/>
    </dgm:pt>
    <dgm:pt modelId="{A71FB3ED-4BFA-48B0-BA4F-A3D42C627AAC}" type="pres">
      <dgm:prSet presAssocID="{1D8539E8-588C-4362-8FAB-27B71C403ECE}" presName="rootText" presStyleLbl="node3" presStyleIdx="9" presStyleCnt="20" custScaleY="47547">
        <dgm:presLayoutVars>
          <dgm:chPref val="3"/>
        </dgm:presLayoutVars>
      </dgm:prSet>
      <dgm:spPr/>
    </dgm:pt>
    <dgm:pt modelId="{4F3C92A6-F36E-4AB5-B723-37BF4ED85A13}" type="pres">
      <dgm:prSet presAssocID="{1D8539E8-588C-4362-8FAB-27B71C403ECE}" presName="rootConnector" presStyleLbl="node3" presStyleIdx="9" presStyleCnt="20"/>
      <dgm:spPr/>
    </dgm:pt>
    <dgm:pt modelId="{C4B9DD58-D31A-45A5-91A7-26D9D05CE2B3}" type="pres">
      <dgm:prSet presAssocID="{1D8539E8-588C-4362-8FAB-27B71C403ECE}" presName="hierChild4" presStyleCnt="0"/>
      <dgm:spPr/>
    </dgm:pt>
    <dgm:pt modelId="{97ACD0A0-51D6-4925-859B-B884914534F5}" type="pres">
      <dgm:prSet presAssocID="{1D8539E8-588C-4362-8FAB-27B71C403ECE}" presName="hierChild5" presStyleCnt="0"/>
      <dgm:spPr/>
    </dgm:pt>
    <dgm:pt modelId="{F2D63061-2116-4E32-9D95-A337C0F1B2AE}" type="pres">
      <dgm:prSet presAssocID="{32807BD1-3D67-4D05-A0AD-CEC6DDC7EA75}" presName="hierChild5" presStyleCnt="0"/>
      <dgm:spPr/>
    </dgm:pt>
    <dgm:pt modelId="{03B8390D-B105-42B1-A386-12C2BD520DAA}" type="pres">
      <dgm:prSet presAssocID="{18740B3C-69AA-47BD-9586-287FB9E52AF1}" presName="Name37" presStyleLbl="parChTrans1D2" presStyleIdx="3" presStyleCnt="6" custSzY="228600"/>
      <dgm:spPr/>
    </dgm:pt>
    <dgm:pt modelId="{86E6C108-BFA7-40BE-8DA9-0D16D8F302A7}" type="pres">
      <dgm:prSet presAssocID="{02F9A00E-B2FF-4897-B5E2-B11835D989D2}" presName="hierRoot2" presStyleCnt="0">
        <dgm:presLayoutVars>
          <dgm:hierBranch val="init"/>
        </dgm:presLayoutVars>
      </dgm:prSet>
      <dgm:spPr/>
    </dgm:pt>
    <dgm:pt modelId="{F6E82332-7F67-45B2-9BE4-82C7DE4D7EA4}" type="pres">
      <dgm:prSet presAssocID="{02F9A00E-B2FF-4897-B5E2-B11835D989D2}" presName="rootComposite" presStyleCnt="0"/>
      <dgm:spPr/>
    </dgm:pt>
    <dgm:pt modelId="{39566ABE-F92F-46E2-B619-324305F3111E}" type="pres">
      <dgm:prSet presAssocID="{02F9A00E-B2FF-4897-B5E2-B11835D989D2}" presName="rootText" presStyleLbl="node2" presStyleIdx="3" presStyleCnt="6" custScaleY="47547">
        <dgm:presLayoutVars>
          <dgm:chPref val="3"/>
        </dgm:presLayoutVars>
      </dgm:prSet>
      <dgm:spPr/>
    </dgm:pt>
    <dgm:pt modelId="{370CD29B-4C5E-4004-824C-34093A57EFF4}" type="pres">
      <dgm:prSet presAssocID="{02F9A00E-B2FF-4897-B5E2-B11835D989D2}" presName="rootConnector" presStyleLbl="node2" presStyleIdx="3" presStyleCnt="6"/>
      <dgm:spPr/>
    </dgm:pt>
    <dgm:pt modelId="{AD6BE32C-7DE7-47A5-A7D5-BF3DE4E4F551}" type="pres">
      <dgm:prSet presAssocID="{02F9A00E-B2FF-4897-B5E2-B11835D989D2}" presName="hierChild4" presStyleCnt="0"/>
      <dgm:spPr/>
    </dgm:pt>
    <dgm:pt modelId="{7045D9E7-FB8E-4A15-A786-2308CECB0D36}" type="pres">
      <dgm:prSet presAssocID="{1BEEA89E-DA15-437F-B84A-E8352511246D}" presName="Name37" presStyleLbl="parChTrans1D3" presStyleIdx="10" presStyleCnt="20" custSzY="228600"/>
      <dgm:spPr/>
    </dgm:pt>
    <dgm:pt modelId="{6D8E6498-D063-450E-A7E3-1EF91423DB53}" type="pres">
      <dgm:prSet presAssocID="{34E69D6D-350F-4E11-8F09-E2C952375FA0}" presName="hierRoot2" presStyleCnt="0">
        <dgm:presLayoutVars>
          <dgm:hierBranch val="init"/>
        </dgm:presLayoutVars>
      </dgm:prSet>
      <dgm:spPr/>
    </dgm:pt>
    <dgm:pt modelId="{53D058F2-3B13-4133-A2AA-B865987C62D1}" type="pres">
      <dgm:prSet presAssocID="{34E69D6D-350F-4E11-8F09-E2C952375FA0}" presName="rootComposite" presStyleCnt="0"/>
      <dgm:spPr/>
    </dgm:pt>
    <dgm:pt modelId="{FA7BA99C-D90F-4C7F-937D-E5F30D57C66A}" type="pres">
      <dgm:prSet presAssocID="{34E69D6D-350F-4E11-8F09-E2C952375FA0}" presName="rootText" presStyleLbl="node3" presStyleIdx="10" presStyleCnt="20" custScaleY="47547">
        <dgm:presLayoutVars>
          <dgm:chPref val="3"/>
        </dgm:presLayoutVars>
      </dgm:prSet>
      <dgm:spPr/>
    </dgm:pt>
    <dgm:pt modelId="{3CD66D3A-7419-4132-AD2D-A4E5C6E4A5B5}" type="pres">
      <dgm:prSet presAssocID="{34E69D6D-350F-4E11-8F09-E2C952375FA0}" presName="rootConnector" presStyleLbl="node3" presStyleIdx="10" presStyleCnt="20"/>
      <dgm:spPr/>
    </dgm:pt>
    <dgm:pt modelId="{4A8FD806-5D76-4D96-AABC-94515818A816}" type="pres">
      <dgm:prSet presAssocID="{34E69D6D-350F-4E11-8F09-E2C952375FA0}" presName="hierChild4" presStyleCnt="0"/>
      <dgm:spPr/>
    </dgm:pt>
    <dgm:pt modelId="{21B26C38-49CF-4210-BDA9-DDFA15F27AF3}" type="pres">
      <dgm:prSet presAssocID="{34E69D6D-350F-4E11-8F09-E2C952375FA0}" presName="hierChild5" presStyleCnt="0"/>
      <dgm:spPr/>
    </dgm:pt>
    <dgm:pt modelId="{5F0ED6ED-9723-4547-ADAE-E5456AD22222}" type="pres">
      <dgm:prSet presAssocID="{BFF621A8-39DA-46E5-B6F2-FB9CBDA16F19}" presName="Name37" presStyleLbl="parChTrans1D3" presStyleIdx="11" presStyleCnt="20" custSzY="228600"/>
      <dgm:spPr/>
    </dgm:pt>
    <dgm:pt modelId="{0F08736E-168F-4C01-A0F4-B37B0E90DDE3}" type="pres">
      <dgm:prSet presAssocID="{80ADFD80-7BB9-45CF-8545-63474BC004F7}" presName="hierRoot2" presStyleCnt="0">
        <dgm:presLayoutVars>
          <dgm:hierBranch val="init"/>
        </dgm:presLayoutVars>
      </dgm:prSet>
      <dgm:spPr/>
    </dgm:pt>
    <dgm:pt modelId="{B8E58F5D-50FA-435B-8A53-A37A41AD3995}" type="pres">
      <dgm:prSet presAssocID="{80ADFD80-7BB9-45CF-8545-63474BC004F7}" presName="rootComposite" presStyleCnt="0"/>
      <dgm:spPr/>
    </dgm:pt>
    <dgm:pt modelId="{F8E8C9EC-C03C-4941-A7ED-DC3D5AEC1333}" type="pres">
      <dgm:prSet presAssocID="{80ADFD80-7BB9-45CF-8545-63474BC004F7}" presName="rootText" presStyleLbl="node3" presStyleIdx="11" presStyleCnt="20" custScaleY="47547">
        <dgm:presLayoutVars>
          <dgm:chPref val="3"/>
        </dgm:presLayoutVars>
      </dgm:prSet>
      <dgm:spPr/>
    </dgm:pt>
    <dgm:pt modelId="{69CE8032-686B-4D9F-A022-BCD80359DA80}" type="pres">
      <dgm:prSet presAssocID="{80ADFD80-7BB9-45CF-8545-63474BC004F7}" presName="rootConnector" presStyleLbl="node3" presStyleIdx="11" presStyleCnt="20"/>
      <dgm:spPr/>
    </dgm:pt>
    <dgm:pt modelId="{89F07D2B-3335-4E52-B4C1-EA61091406B6}" type="pres">
      <dgm:prSet presAssocID="{80ADFD80-7BB9-45CF-8545-63474BC004F7}" presName="hierChild4" presStyleCnt="0"/>
      <dgm:spPr/>
    </dgm:pt>
    <dgm:pt modelId="{DE0EE957-219E-43CA-A0F7-1190BC91E0B9}" type="pres">
      <dgm:prSet presAssocID="{80ADFD80-7BB9-45CF-8545-63474BC004F7}" presName="hierChild5" presStyleCnt="0"/>
      <dgm:spPr/>
    </dgm:pt>
    <dgm:pt modelId="{72572473-9880-48DA-AA92-972C43E7EDCE}" type="pres">
      <dgm:prSet presAssocID="{65164CED-4564-46F8-B7F3-6253933C926A}" presName="Name37" presStyleLbl="parChTrans1D3" presStyleIdx="12" presStyleCnt="20" custSzY="228600"/>
      <dgm:spPr/>
    </dgm:pt>
    <dgm:pt modelId="{CF8333B7-E286-45F7-8CE5-3A4A722A7F4B}" type="pres">
      <dgm:prSet presAssocID="{F4F0FE2B-DD5A-4B64-A7C4-FD08D931BB13}" presName="hierRoot2" presStyleCnt="0">
        <dgm:presLayoutVars>
          <dgm:hierBranch val="init"/>
        </dgm:presLayoutVars>
      </dgm:prSet>
      <dgm:spPr/>
    </dgm:pt>
    <dgm:pt modelId="{D4DA7EBA-CC4B-4A81-9320-146B592DE3D2}" type="pres">
      <dgm:prSet presAssocID="{F4F0FE2B-DD5A-4B64-A7C4-FD08D931BB13}" presName="rootComposite" presStyleCnt="0"/>
      <dgm:spPr/>
    </dgm:pt>
    <dgm:pt modelId="{176E2CFA-4E4C-4220-A574-1D7BC27976D1}" type="pres">
      <dgm:prSet presAssocID="{F4F0FE2B-DD5A-4B64-A7C4-FD08D931BB13}" presName="rootText" presStyleLbl="node3" presStyleIdx="12" presStyleCnt="20" custScaleY="47547">
        <dgm:presLayoutVars>
          <dgm:chPref val="3"/>
        </dgm:presLayoutVars>
      </dgm:prSet>
      <dgm:spPr/>
    </dgm:pt>
    <dgm:pt modelId="{A4FA24CC-AFDF-4B8C-A144-82B3636DD9E4}" type="pres">
      <dgm:prSet presAssocID="{F4F0FE2B-DD5A-4B64-A7C4-FD08D931BB13}" presName="rootConnector" presStyleLbl="node3" presStyleIdx="12" presStyleCnt="20"/>
      <dgm:spPr/>
    </dgm:pt>
    <dgm:pt modelId="{A8CFC0CD-2758-43E3-B8EC-1F9D3EBDF3AF}" type="pres">
      <dgm:prSet presAssocID="{F4F0FE2B-DD5A-4B64-A7C4-FD08D931BB13}" presName="hierChild4" presStyleCnt="0"/>
      <dgm:spPr/>
    </dgm:pt>
    <dgm:pt modelId="{91D17DF1-FE06-468A-B8CC-A299A33E9FBD}" type="pres">
      <dgm:prSet presAssocID="{F4F0FE2B-DD5A-4B64-A7C4-FD08D931BB13}" presName="hierChild5" presStyleCnt="0"/>
      <dgm:spPr/>
    </dgm:pt>
    <dgm:pt modelId="{EBB9F988-EEF2-41D1-B1B7-FDA67E2E6A24}" type="pres">
      <dgm:prSet presAssocID="{02F9A00E-B2FF-4897-B5E2-B11835D989D2}" presName="hierChild5" presStyleCnt="0"/>
      <dgm:spPr/>
    </dgm:pt>
    <dgm:pt modelId="{8900AE5B-2871-4D66-AA54-57F4721E8B9C}" type="pres">
      <dgm:prSet presAssocID="{00E88D35-608D-4D2B-9385-50BC56688ECC}" presName="Name37" presStyleLbl="parChTrans1D2" presStyleIdx="4" presStyleCnt="6" custSzY="228600"/>
      <dgm:spPr/>
    </dgm:pt>
    <dgm:pt modelId="{C1C10A0C-9F1A-4F33-BDA0-18B010D33514}" type="pres">
      <dgm:prSet presAssocID="{AE40EDD5-D231-4EB2-BF55-A1D96195B796}" presName="hierRoot2" presStyleCnt="0">
        <dgm:presLayoutVars>
          <dgm:hierBranch val="init"/>
        </dgm:presLayoutVars>
      </dgm:prSet>
      <dgm:spPr/>
    </dgm:pt>
    <dgm:pt modelId="{93EDAF41-4F4C-48E5-9415-6D4ADD81DEB1}" type="pres">
      <dgm:prSet presAssocID="{AE40EDD5-D231-4EB2-BF55-A1D96195B796}" presName="rootComposite" presStyleCnt="0"/>
      <dgm:spPr/>
    </dgm:pt>
    <dgm:pt modelId="{9CD492D0-6C4B-4E90-AFE0-C5738B8D653C}" type="pres">
      <dgm:prSet presAssocID="{AE40EDD5-D231-4EB2-BF55-A1D96195B796}" presName="rootText" presStyleLbl="node2" presStyleIdx="4" presStyleCnt="6" custScaleY="47547">
        <dgm:presLayoutVars>
          <dgm:chPref val="3"/>
        </dgm:presLayoutVars>
      </dgm:prSet>
      <dgm:spPr/>
    </dgm:pt>
    <dgm:pt modelId="{F85BB661-C6E1-4117-AF93-21BDA5FBF12B}" type="pres">
      <dgm:prSet presAssocID="{AE40EDD5-D231-4EB2-BF55-A1D96195B796}" presName="rootConnector" presStyleLbl="node2" presStyleIdx="4" presStyleCnt="6"/>
      <dgm:spPr/>
    </dgm:pt>
    <dgm:pt modelId="{879FE8C2-0BE0-459B-92EF-3644DFE9E3A3}" type="pres">
      <dgm:prSet presAssocID="{AE40EDD5-D231-4EB2-BF55-A1D96195B796}" presName="hierChild4" presStyleCnt="0"/>
      <dgm:spPr/>
    </dgm:pt>
    <dgm:pt modelId="{F469C038-0139-402D-A678-FA73A6277913}" type="pres">
      <dgm:prSet presAssocID="{09CF91B0-4A10-424E-BA47-460C346B996D}" presName="Name37" presStyleLbl="parChTrans1D3" presStyleIdx="13" presStyleCnt="20" custSzY="228600"/>
      <dgm:spPr/>
    </dgm:pt>
    <dgm:pt modelId="{EFC59F12-07A9-415F-9927-492F4F024933}" type="pres">
      <dgm:prSet presAssocID="{B6E3DB59-7FEE-4BE6-BD44-D4CC8F9DEA06}" presName="hierRoot2" presStyleCnt="0">
        <dgm:presLayoutVars>
          <dgm:hierBranch val="init"/>
        </dgm:presLayoutVars>
      </dgm:prSet>
      <dgm:spPr/>
    </dgm:pt>
    <dgm:pt modelId="{D1531CF4-B7E2-4245-9E2E-4201D240FC37}" type="pres">
      <dgm:prSet presAssocID="{B6E3DB59-7FEE-4BE6-BD44-D4CC8F9DEA06}" presName="rootComposite" presStyleCnt="0"/>
      <dgm:spPr/>
    </dgm:pt>
    <dgm:pt modelId="{E56293E9-CC42-4D87-BB71-C0D88F66F707}" type="pres">
      <dgm:prSet presAssocID="{B6E3DB59-7FEE-4BE6-BD44-D4CC8F9DEA06}" presName="rootText" presStyleLbl="node3" presStyleIdx="13" presStyleCnt="20" custScaleY="47547">
        <dgm:presLayoutVars>
          <dgm:chPref val="3"/>
        </dgm:presLayoutVars>
      </dgm:prSet>
      <dgm:spPr/>
    </dgm:pt>
    <dgm:pt modelId="{86329780-1A9A-44D9-BDF3-DE293614BD5E}" type="pres">
      <dgm:prSet presAssocID="{B6E3DB59-7FEE-4BE6-BD44-D4CC8F9DEA06}" presName="rootConnector" presStyleLbl="node3" presStyleIdx="13" presStyleCnt="20"/>
      <dgm:spPr/>
    </dgm:pt>
    <dgm:pt modelId="{F2D60539-7C69-46A1-A735-D6D7E4CA397E}" type="pres">
      <dgm:prSet presAssocID="{B6E3DB59-7FEE-4BE6-BD44-D4CC8F9DEA06}" presName="hierChild4" presStyleCnt="0"/>
      <dgm:spPr/>
    </dgm:pt>
    <dgm:pt modelId="{E5871A9B-B535-4E68-992F-18C877602A8D}" type="pres">
      <dgm:prSet presAssocID="{B6E3DB59-7FEE-4BE6-BD44-D4CC8F9DEA06}" presName="hierChild5" presStyleCnt="0"/>
      <dgm:spPr/>
    </dgm:pt>
    <dgm:pt modelId="{26E9A8DF-759D-4F05-A566-8CB21F8FBC0F}" type="pres">
      <dgm:prSet presAssocID="{EE51AA4D-9697-4079-B47B-E9888F0D49F1}" presName="Name37" presStyleLbl="parChTrans1D3" presStyleIdx="14" presStyleCnt="20" custSzY="228600"/>
      <dgm:spPr/>
    </dgm:pt>
    <dgm:pt modelId="{31B8A124-9959-4C16-8C14-6B211A87C5AF}" type="pres">
      <dgm:prSet presAssocID="{F08F833A-0F50-490C-8E60-4D15B054E76D}" presName="hierRoot2" presStyleCnt="0">
        <dgm:presLayoutVars>
          <dgm:hierBranch val="init"/>
        </dgm:presLayoutVars>
      </dgm:prSet>
      <dgm:spPr/>
    </dgm:pt>
    <dgm:pt modelId="{77B9CAB6-E1E3-4A1F-A4B2-358D255C318D}" type="pres">
      <dgm:prSet presAssocID="{F08F833A-0F50-490C-8E60-4D15B054E76D}" presName="rootComposite" presStyleCnt="0"/>
      <dgm:spPr/>
    </dgm:pt>
    <dgm:pt modelId="{20B9E185-3172-4896-A99C-22407B93DA6F}" type="pres">
      <dgm:prSet presAssocID="{F08F833A-0F50-490C-8E60-4D15B054E76D}" presName="rootText" presStyleLbl="node3" presStyleIdx="14" presStyleCnt="20" custScaleX="119864" custScaleY="42176">
        <dgm:presLayoutVars>
          <dgm:chPref val="3"/>
        </dgm:presLayoutVars>
      </dgm:prSet>
      <dgm:spPr/>
    </dgm:pt>
    <dgm:pt modelId="{A955F49D-19BD-446B-80FA-C4EDA916B396}" type="pres">
      <dgm:prSet presAssocID="{F08F833A-0F50-490C-8E60-4D15B054E76D}" presName="rootConnector" presStyleLbl="node3" presStyleIdx="14" presStyleCnt="20"/>
      <dgm:spPr/>
    </dgm:pt>
    <dgm:pt modelId="{FEF8C990-D575-480E-843A-E380F3A15363}" type="pres">
      <dgm:prSet presAssocID="{F08F833A-0F50-490C-8E60-4D15B054E76D}" presName="hierChild4" presStyleCnt="0"/>
      <dgm:spPr/>
    </dgm:pt>
    <dgm:pt modelId="{A039753E-C215-4C6B-8438-53EB5E0B58B9}" type="pres">
      <dgm:prSet presAssocID="{F08F833A-0F50-490C-8E60-4D15B054E76D}" presName="hierChild5" presStyleCnt="0"/>
      <dgm:spPr/>
    </dgm:pt>
    <dgm:pt modelId="{CF021E55-8765-4CB7-B416-F4E95C4181DF}" type="pres">
      <dgm:prSet presAssocID="{BE17AF48-793A-40FB-8182-992A291C07EE}" presName="Name37" presStyleLbl="parChTrans1D3" presStyleIdx="15" presStyleCnt="20" custSzY="228600"/>
      <dgm:spPr/>
    </dgm:pt>
    <dgm:pt modelId="{32BA8CB4-6443-453C-BA2A-C14E956DC773}" type="pres">
      <dgm:prSet presAssocID="{4DD76486-2251-480D-BA41-39CE852D10CB}" presName="hierRoot2" presStyleCnt="0">
        <dgm:presLayoutVars>
          <dgm:hierBranch val="init"/>
        </dgm:presLayoutVars>
      </dgm:prSet>
      <dgm:spPr/>
    </dgm:pt>
    <dgm:pt modelId="{91BF89B4-00AF-4BD1-BCF9-29E0A8091515}" type="pres">
      <dgm:prSet presAssocID="{4DD76486-2251-480D-BA41-39CE852D10CB}" presName="rootComposite" presStyleCnt="0"/>
      <dgm:spPr/>
    </dgm:pt>
    <dgm:pt modelId="{7353C8BB-B2C3-4E05-A49B-9A7D4F522797}" type="pres">
      <dgm:prSet presAssocID="{4DD76486-2251-480D-BA41-39CE852D10CB}" presName="rootText" presStyleLbl="node3" presStyleIdx="15" presStyleCnt="20" custScaleX="119864" custScaleY="42176">
        <dgm:presLayoutVars>
          <dgm:chPref val="3"/>
        </dgm:presLayoutVars>
      </dgm:prSet>
      <dgm:spPr/>
    </dgm:pt>
    <dgm:pt modelId="{9C745451-5255-4ECC-8B88-C813BAEB1A11}" type="pres">
      <dgm:prSet presAssocID="{4DD76486-2251-480D-BA41-39CE852D10CB}" presName="rootConnector" presStyleLbl="node3" presStyleIdx="15" presStyleCnt="20"/>
      <dgm:spPr/>
    </dgm:pt>
    <dgm:pt modelId="{F193AF6D-8A18-420C-A5F8-E8905D503542}" type="pres">
      <dgm:prSet presAssocID="{4DD76486-2251-480D-BA41-39CE852D10CB}" presName="hierChild4" presStyleCnt="0"/>
      <dgm:spPr/>
    </dgm:pt>
    <dgm:pt modelId="{F7B6B758-89FD-4CDC-90FB-5461FE55EA69}" type="pres">
      <dgm:prSet presAssocID="{4DD76486-2251-480D-BA41-39CE852D10CB}" presName="hierChild5" presStyleCnt="0"/>
      <dgm:spPr/>
    </dgm:pt>
    <dgm:pt modelId="{3C6E96E2-7B7E-4287-907E-5E0C546AD73A}" type="pres">
      <dgm:prSet presAssocID="{AE40EDD5-D231-4EB2-BF55-A1D96195B796}" presName="hierChild5" presStyleCnt="0"/>
      <dgm:spPr/>
    </dgm:pt>
    <dgm:pt modelId="{387A4011-43D2-4172-ADD2-9D9F410616F8}" type="pres">
      <dgm:prSet presAssocID="{06B4FE12-4DEE-40CC-8902-F7C91077FBD4}" presName="Name37" presStyleLbl="parChTrans1D2" presStyleIdx="5" presStyleCnt="6" custSzY="228600"/>
      <dgm:spPr/>
    </dgm:pt>
    <dgm:pt modelId="{3CFDE2CB-F2CE-4DD2-8C49-5C88DC03A1F3}" type="pres">
      <dgm:prSet presAssocID="{F8834707-F5B3-4E57-A0A4-D7DCD37AFBB4}" presName="hierRoot2" presStyleCnt="0">
        <dgm:presLayoutVars>
          <dgm:hierBranch val="init"/>
        </dgm:presLayoutVars>
      </dgm:prSet>
      <dgm:spPr/>
    </dgm:pt>
    <dgm:pt modelId="{0E48754F-A614-460A-9BB5-7E4D7008C9D5}" type="pres">
      <dgm:prSet presAssocID="{F8834707-F5B3-4E57-A0A4-D7DCD37AFBB4}" presName="rootComposite" presStyleCnt="0"/>
      <dgm:spPr/>
    </dgm:pt>
    <dgm:pt modelId="{4235E657-C856-45B1-95CC-6A2539F4A182}" type="pres">
      <dgm:prSet presAssocID="{F8834707-F5B3-4E57-A0A4-D7DCD37AFBB4}" presName="rootText" presStyleLbl="node2" presStyleIdx="5" presStyleCnt="6" custScaleY="47547">
        <dgm:presLayoutVars>
          <dgm:chPref val="3"/>
        </dgm:presLayoutVars>
      </dgm:prSet>
      <dgm:spPr/>
    </dgm:pt>
    <dgm:pt modelId="{8C26B38D-533F-4B47-BABF-FF3211EDA73C}" type="pres">
      <dgm:prSet presAssocID="{F8834707-F5B3-4E57-A0A4-D7DCD37AFBB4}" presName="rootConnector" presStyleLbl="node2" presStyleIdx="5" presStyleCnt="6"/>
      <dgm:spPr/>
    </dgm:pt>
    <dgm:pt modelId="{8B963042-E60B-4FC2-84DB-E83F37BF4581}" type="pres">
      <dgm:prSet presAssocID="{F8834707-F5B3-4E57-A0A4-D7DCD37AFBB4}" presName="hierChild4" presStyleCnt="0"/>
      <dgm:spPr/>
    </dgm:pt>
    <dgm:pt modelId="{51E2FB4B-F434-4E88-A40F-B98088178F11}" type="pres">
      <dgm:prSet presAssocID="{5AEBCC29-4B62-45DE-88E9-2CD003D71262}" presName="Name37" presStyleLbl="parChTrans1D3" presStyleIdx="16" presStyleCnt="20" custSzY="228600"/>
      <dgm:spPr/>
    </dgm:pt>
    <dgm:pt modelId="{B84FBEC1-C3EC-4A99-A32B-485C0FCAB00C}" type="pres">
      <dgm:prSet presAssocID="{BBE4160F-29DD-4BFD-B44D-FAD39C3F05B9}" presName="hierRoot2" presStyleCnt="0">
        <dgm:presLayoutVars>
          <dgm:hierBranch val="init"/>
        </dgm:presLayoutVars>
      </dgm:prSet>
      <dgm:spPr/>
    </dgm:pt>
    <dgm:pt modelId="{71AB00A1-EC6D-406D-8BB8-BA743CB3CDC0}" type="pres">
      <dgm:prSet presAssocID="{BBE4160F-29DD-4BFD-B44D-FAD39C3F05B9}" presName="rootComposite" presStyleCnt="0"/>
      <dgm:spPr/>
    </dgm:pt>
    <dgm:pt modelId="{3CD6A0CB-B0C9-4078-A19B-C13F2D3C7E91}" type="pres">
      <dgm:prSet presAssocID="{BBE4160F-29DD-4BFD-B44D-FAD39C3F05B9}" presName="rootText" presStyleLbl="node3" presStyleIdx="16" presStyleCnt="20" custScaleY="47547">
        <dgm:presLayoutVars>
          <dgm:chPref val="3"/>
        </dgm:presLayoutVars>
      </dgm:prSet>
      <dgm:spPr/>
    </dgm:pt>
    <dgm:pt modelId="{8E658742-1048-435A-8301-3839C6BC2B2D}" type="pres">
      <dgm:prSet presAssocID="{BBE4160F-29DD-4BFD-B44D-FAD39C3F05B9}" presName="rootConnector" presStyleLbl="node3" presStyleIdx="16" presStyleCnt="20"/>
      <dgm:spPr/>
    </dgm:pt>
    <dgm:pt modelId="{4BFF504E-027F-44EA-9677-5B144B58639F}" type="pres">
      <dgm:prSet presAssocID="{BBE4160F-29DD-4BFD-B44D-FAD39C3F05B9}" presName="hierChild4" presStyleCnt="0"/>
      <dgm:spPr/>
    </dgm:pt>
    <dgm:pt modelId="{F12DBD49-C3AF-4710-9F2F-40DB5C26B70D}" type="pres">
      <dgm:prSet presAssocID="{BBE4160F-29DD-4BFD-B44D-FAD39C3F05B9}" presName="hierChild5" presStyleCnt="0"/>
      <dgm:spPr/>
    </dgm:pt>
    <dgm:pt modelId="{25501E05-7E4C-42CC-B66D-71CF136F0EDC}" type="pres">
      <dgm:prSet presAssocID="{5E11D4E0-528E-43DF-AEF0-312E8E220289}" presName="Name37" presStyleLbl="parChTrans1D3" presStyleIdx="17" presStyleCnt="20" custSzY="228600"/>
      <dgm:spPr/>
    </dgm:pt>
    <dgm:pt modelId="{E4846A93-94B5-4C76-918E-8E43CDDD62D2}" type="pres">
      <dgm:prSet presAssocID="{78974B94-96DB-4D87-92C0-49F49FBF9891}" presName="hierRoot2" presStyleCnt="0">
        <dgm:presLayoutVars>
          <dgm:hierBranch val="init"/>
        </dgm:presLayoutVars>
      </dgm:prSet>
      <dgm:spPr/>
    </dgm:pt>
    <dgm:pt modelId="{EACD2E41-E3A4-4F51-B07E-8E87D448881E}" type="pres">
      <dgm:prSet presAssocID="{78974B94-96DB-4D87-92C0-49F49FBF9891}" presName="rootComposite" presStyleCnt="0"/>
      <dgm:spPr/>
    </dgm:pt>
    <dgm:pt modelId="{F4D073D3-48E3-41EF-B9B8-C4E882766916}" type="pres">
      <dgm:prSet presAssocID="{78974B94-96DB-4D87-92C0-49F49FBF9891}" presName="rootText" presStyleLbl="node3" presStyleIdx="17" presStyleCnt="20" custScaleY="47547">
        <dgm:presLayoutVars>
          <dgm:chPref val="3"/>
        </dgm:presLayoutVars>
      </dgm:prSet>
      <dgm:spPr/>
    </dgm:pt>
    <dgm:pt modelId="{D653EC46-8B14-4B0B-A11B-D915A18C4167}" type="pres">
      <dgm:prSet presAssocID="{78974B94-96DB-4D87-92C0-49F49FBF9891}" presName="rootConnector" presStyleLbl="node3" presStyleIdx="17" presStyleCnt="20"/>
      <dgm:spPr/>
    </dgm:pt>
    <dgm:pt modelId="{B4F15C7B-006E-44F1-BFAC-88317F08B159}" type="pres">
      <dgm:prSet presAssocID="{78974B94-96DB-4D87-92C0-49F49FBF9891}" presName="hierChild4" presStyleCnt="0"/>
      <dgm:spPr/>
    </dgm:pt>
    <dgm:pt modelId="{816C7BF9-8AF2-413D-AF76-58CFFFFFF5AC}" type="pres">
      <dgm:prSet presAssocID="{78974B94-96DB-4D87-92C0-49F49FBF9891}" presName="hierChild5" presStyleCnt="0"/>
      <dgm:spPr/>
    </dgm:pt>
    <dgm:pt modelId="{E1913F09-2FFC-4504-9C02-EEC17AD15760}" type="pres">
      <dgm:prSet presAssocID="{7BA0ED38-7925-4F2F-909A-13DEFE2FC4BC}" presName="Name37" presStyleLbl="parChTrans1D3" presStyleIdx="18" presStyleCnt="20" custSzY="228600"/>
      <dgm:spPr/>
    </dgm:pt>
    <dgm:pt modelId="{33DF59D8-820C-4759-B2CD-3FE61F4E052C}" type="pres">
      <dgm:prSet presAssocID="{71319681-5C92-4887-B0DC-58AE4ED26DB1}" presName="hierRoot2" presStyleCnt="0">
        <dgm:presLayoutVars>
          <dgm:hierBranch val="init"/>
        </dgm:presLayoutVars>
      </dgm:prSet>
      <dgm:spPr/>
    </dgm:pt>
    <dgm:pt modelId="{471FF28D-58D9-4BA7-B755-E0EF86DAE70B}" type="pres">
      <dgm:prSet presAssocID="{71319681-5C92-4887-B0DC-58AE4ED26DB1}" presName="rootComposite" presStyleCnt="0"/>
      <dgm:spPr/>
    </dgm:pt>
    <dgm:pt modelId="{F166B833-C6AB-4553-A7A6-CBD7D8A2506A}" type="pres">
      <dgm:prSet presAssocID="{71319681-5C92-4887-B0DC-58AE4ED26DB1}" presName="rootText" presStyleLbl="node3" presStyleIdx="18" presStyleCnt="20" custScaleY="47547">
        <dgm:presLayoutVars>
          <dgm:chPref val="3"/>
        </dgm:presLayoutVars>
      </dgm:prSet>
      <dgm:spPr/>
    </dgm:pt>
    <dgm:pt modelId="{A5D60626-BBE6-43A8-BF44-65FDA0CC8496}" type="pres">
      <dgm:prSet presAssocID="{71319681-5C92-4887-B0DC-58AE4ED26DB1}" presName="rootConnector" presStyleLbl="node3" presStyleIdx="18" presStyleCnt="20"/>
      <dgm:spPr/>
    </dgm:pt>
    <dgm:pt modelId="{76A5CC54-5342-4721-8EF0-65245A873FC3}" type="pres">
      <dgm:prSet presAssocID="{71319681-5C92-4887-B0DC-58AE4ED26DB1}" presName="hierChild4" presStyleCnt="0"/>
      <dgm:spPr/>
    </dgm:pt>
    <dgm:pt modelId="{377DD29E-997F-4BF4-BF7C-247F19BD697B}" type="pres">
      <dgm:prSet presAssocID="{71319681-5C92-4887-B0DC-58AE4ED26DB1}" presName="hierChild5" presStyleCnt="0"/>
      <dgm:spPr/>
    </dgm:pt>
    <dgm:pt modelId="{351A5887-94D7-4773-AC9E-6307EFD26D13}" type="pres">
      <dgm:prSet presAssocID="{BA2B464B-2C55-4595-A675-3C4FF00BCAC7}" presName="Name37" presStyleLbl="parChTrans1D3" presStyleIdx="19" presStyleCnt="20" custSzY="228600"/>
      <dgm:spPr/>
    </dgm:pt>
    <dgm:pt modelId="{DFBD6C2C-8FA6-4A5A-89D9-941A93516717}" type="pres">
      <dgm:prSet presAssocID="{5376D4B9-B800-404A-8842-1D5B1A6BE1AC}" presName="hierRoot2" presStyleCnt="0">
        <dgm:presLayoutVars>
          <dgm:hierBranch val="init"/>
        </dgm:presLayoutVars>
      </dgm:prSet>
      <dgm:spPr/>
    </dgm:pt>
    <dgm:pt modelId="{20542542-7FC5-4117-928C-EFD557AE078B}" type="pres">
      <dgm:prSet presAssocID="{5376D4B9-B800-404A-8842-1D5B1A6BE1AC}" presName="rootComposite" presStyleCnt="0"/>
      <dgm:spPr/>
    </dgm:pt>
    <dgm:pt modelId="{388775F6-4231-472F-8642-3570DA63B421}" type="pres">
      <dgm:prSet presAssocID="{5376D4B9-B800-404A-8842-1D5B1A6BE1AC}" presName="rootText" presStyleLbl="node3" presStyleIdx="19" presStyleCnt="20" custScaleY="47547">
        <dgm:presLayoutVars>
          <dgm:chPref val="3"/>
        </dgm:presLayoutVars>
      </dgm:prSet>
      <dgm:spPr/>
    </dgm:pt>
    <dgm:pt modelId="{C8719CE4-C5AA-43C0-99A4-5D1A99EF17AC}" type="pres">
      <dgm:prSet presAssocID="{5376D4B9-B800-404A-8842-1D5B1A6BE1AC}" presName="rootConnector" presStyleLbl="node3" presStyleIdx="19" presStyleCnt="20"/>
      <dgm:spPr/>
    </dgm:pt>
    <dgm:pt modelId="{079B0D01-E6C0-4F48-BA36-49AC92984638}" type="pres">
      <dgm:prSet presAssocID="{5376D4B9-B800-404A-8842-1D5B1A6BE1AC}" presName="hierChild4" presStyleCnt="0"/>
      <dgm:spPr/>
    </dgm:pt>
    <dgm:pt modelId="{19A71FEB-538B-4152-8A73-65E818A1CA34}" type="pres">
      <dgm:prSet presAssocID="{5376D4B9-B800-404A-8842-1D5B1A6BE1AC}" presName="hierChild5" presStyleCnt="0"/>
      <dgm:spPr/>
    </dgm:pt>
    <dgm:pt modelId="{15557989-3D3A-4B5C-886C-8AFD0853C014}" type="pres">
      <dgm:prSet presAssocID="{F8834707-F5B3-4E57-A0A4-D7DCD37AFBB4}" presName="hierChild5" presStyleCnt="0"/>
      <dgm:spPr/>
    </dgm:pt>
    <dgm:pt modelId="{8A8B5992-07B8-499C-ABA6-CFE15D545B7E}" type="pres">
      <dgm:prSet presAssocID="{627A9606-B56A-4AD7-AD20-7CBDFF5D3315}" presName="hierChild3" presStyleCnt="0"/>
      <dgm:spPr/>
    </dgm:pt>
  </dgm:ptLst>
  <dgm:cxnLst>
    <dgm:cxn modelId="{BC075D0B-2F1B-4058-B09E-6404ADAD30D8}" type="presOf" srcId="{71319681-5C92-4887-B0DC-58AE4ED26DB1}" destId="{F166B833-C6AB-4553-A7A6-CBD7D8A2506A}" srcOrd="0" destOrd="0" presId="urn:microsoft.com/office/officeart/2005/8/layout/orgChart1"/>
    <dgm:cxn modelId="{9DCDE50C-1190-4FD6-B133-B47D26064266}" type="presOf" srcId="{5587B9DE-C795-4A80-86B6-435D8F54CE9B}" destId="{435DF1FE-BF18-4B54-9460-7ADB9668D64C}" srcOrd="0" destOrd="0" presId="urn:microsoft.com/office/officeart/2005/8/layout/orgChart1"/>
    <dgm:cxn modelId="{AA4F830E-8B3D-4FC2-8BB2-05618E192D18}" type="presOf" srcId="{4DD76486-2251-480D-BA41-39CE852D10CB}" destId="{7353C8BB-B2C3-4E05-A49B-9A7D4F522797}" srcOrd="0" destOrd="0" presId="urn:microsoft.com/office/officeart/2005/8/layout/orgChart1"/>
    <dgm:cxn modelId="{6657D30E-46F1-4639-B859-6A9D0E0F6357}" type="presOf" srcId="{C68300C9-B1F0-404E-8AD3-B2C8EFCAE7B1}" destId="{77AA6D6D-5050-4ACF-B53B-9356612F70D0}" srcOrd="1" destOrd="0" presId="urn:microsoft.com/office/officeart/2005/8/layout/orgChart1"/>
    <dgm:cxn modelId="{3E8B4F13-84A1-4A77-B000-FC473B7A8F9E}" type="presOf" srcId="{1D8539E8-588C-4362-8FAB-27B71C403ECE}" destId="{4F3C92A6-F36E-4AB5-B723-37BF4ED85A13}" srcOrd="1" destOrd="0" presId="urn:microsoft.com/office/officeart/2005/8/layout/orgChart1"/>
    <dgm:cxn modelId="{73DD9F13-5A83-491E-8D5A-16EE398DEC18}" type="presOf" srcId="{DCB4C7FB-A33F-4F32-880B-093CCD19B74B}" destId="{DD26A9E4-71F3-45AA-A73D-EA47D041C38C}" srcOrd="1" destOrd="0" presId="urn:microsoft.com/office/officeart/2005/8/layout/orgChart1"/>
    <dgm:cxn modelId="{514CCA13-F549-492C-B61C-196130C40621}" srcId="{D44F963F-C5BE-4B4E-8D6C-D5E7A39A441C}" destId="{C68300C9-B1F0-404E-8AD3-B2C8EFCAE7B1}" srcOrd="4" destOrd="0" parTransId="{A15F1230-DB54-4D09-B127-BF2C4CE2E87A}" sibTransId="{0C5EC6EA-9AF7-4B5E-AB40-4C38D335986A}"/>
    <dgm:cxn modelId="{A48CB116-D13A-40EC-9113-832179257DAA}" type="presOf" srcId="{A4B17644-F1D5-4201-A69F-C720C5DF8197}" destId="{41DF36CE-DAB8-43B8-809B-3E4A59E3BE9A}" srcOrd="1" destOrd="0" presId="urn:microsoft.com/office/officeart/2005/8/layout/orgChart1"/>
    <dgm:cxn modelId="{E211F71A-D197-41D9-B081-1A95D5DCE91D}" type="presOf" srcId="{AA38CDD1-6683-4681-B5CF-15AA27F73127}" destId="{C76BFEEB-DD88-4847-A17E-72E005057DE0}" srcOrd="0" destOrd="0" presId="urn:microsoft.com/office/officeart/2005/8/layout/orgChart1"/>
    <dgm:cxn modelId="{CBF1811E-BA7E-4DB7-A074-01769E8C36A2}" srcId="{D44F963F-C5BE-4B4E-8D6C-D5E7A39A441C}" destId="{7DEC30F0-9195-4C65-B305-D408FBC3160C}" srcOrd="3" destOrd="0" parTransId="{E428CDAD-0B4B-41F9-A58A-DEA7DD6044F2}" sibTransId="{C39ACB80-0307-4E83-BB0F-350DBA53037E}"/>
    <dgm:cxn modelId="{C8C30720-D03C-435F-9821-6FC423336FC6}" type="presOf" srcId="{F8834707-F5B3-4E57-A0A4-D7DCD37AFBB4}" destId="{4235E657-C856-45B1-95CC-6A2539F4A182}" srcOrd="0" destOrd="0" presId="urn:microsoft.com/office/officeart/2005/8/layout/orgChart1"/>
    <dgm:cxn modelId="{5D808721-DCEA-42AE-976E-8B119526F56A}" type="presOf" srcId="{62969DE7-A030-43A7-ACFE-A2A07FD4C414}" destId="{7F315924-B694-41DA-8BE3-324691512D72}" srcOrd="0" destOrd="0" presId="urn:microsoft.com/office/officeart/2005/8/layout/orgChart1"/>
    <dgm:cxn modelId="{76AF3522-CDAF-416D-8493-A28659A95EA2}" srcId="{AE40EDD5-D231-4EB2-BF55-A1D96195B796}" destId="{F08F833A-0F50-490C-8E60-4D15B054E76D}" srcOrd="1" destOrd="0" parTransId="{EE51AA4D-9697-4079-B47B-E9888F0D49F1}" sibTransId="{CD22C82D-38D8-4147-8030-F20DE8929D66}"/>
    <dgm:cxn modelId="{67928A24-1850-4CA0-A6F0-D7981A1EA8FE}" type="presOf" srcId="{34E69D6D-350F-4E11-8F09-E2C952375FA0}" destId="{3CD66D3A-7419-4132-AD2D-A4E5C6E4A5B5}" srcOrd="1" destOrd="0" presId="urn:microsoft.com/office/officeart/2005/8/layout/orgChart1"/>
    <dgm:cxn modelId="{6C9A3226-735E-4D42-AD7B-6B19BAD15C65}" type="presOf" srcId="{721DA2E0-E1DE-4D07-8F24-0B5AE5A561C7}" destId="{AE3DF7D5-84F3-4D22-91D7-B3A1DF5162B4}" srcOrd="0" destOrd="0" presId="urn:microsoft.com/office/officeart/2005/8/layout/orgChart1"/>
    <dgm:cxn modelId="{4437F428-8E02-41D5-AC64-6DFC8EE0B55A}" type="presOf" srcId="{7BA0ED38-7925-4F2F-909A-13DEFE2FC4BC}" destId="{E1913F09-2FFC-4504-9C02-EEC17AD15760}" srcOrd="0" destOrd="0" presId="urn:microsoft.com/office/officeart/2005/8/layout/orgChart1"/>
    <dgm:cxn modelId="{894CBE2C-057B-4FE7-9B6D-E7EF51EC073A}" type="presOf" srcId="{BBE4160F-29DD-4BFD-B44D-FAD39C3F05B9}" destId="{3CD6A0CB-B0C9-4078-A19B-C13F2D3C7E91}" srcOrd="0" destOrd="0" presId="urn:microsoft.com/office/officeart/2005/8/layout/orgChart1"/>
    <dgm:cxn modelId="{E40C1D2F-270A-469D-B43A-BD25561DDA99}" srcId="{02F9A00E-B2FF-4897-B5E2-B11835D989D2}" destId="{80ADFD80-7BB9-45CF-8545-63474BC004F7}" srcOrd="1" destOrd="0" parTransId="{BFF621A8-39DA-46E5-B6F2-FB9CBDA16F19}" sibTransId="{D5C8CB52-A0ED-4B6C-B2A0-E96E418C1611}"/>
    <dgm:cxn modelId="{8BC73530-B1F8-4824-9574-1C4DF1F43DB5}" type="presOf" srcId="{BBE4160F-29DD-4BFD-B44D-FAD39C3F05B9}" destId="{8E658742-1048-435A-8301-3839C6BC2B2D}" srcOrd="1" destOrd="0" presId="urn:microsoft.com/office/officeart/2005/8/layout/orgChart1"/>
    <dgm:cxn modelId="{D900A13B-4FDA-485D-994B-059AD74992C7}" type="presOf" srcId="{1BEEA89E-DA15-437F-B84A-E8352511246D}" destId="{7045D9E7-FB8E-4A15-A786-2308CECB0D36}" srcOrd="0" destOrd="0" presId="urn:microsoft.com/office/officeart/2005/8/layout/orgChart1"/>
    <dgm:cxn modelId="{AF0B455E-D131-4516-AEE7-84FFCED74E4A}" srcId="{F8834707-F5B3-4E57-A0A4-D7DCD37AFBB4}" destId="{78974B94-96DB-4D87-92C0-49F49FBF9891}" srcOrd="1" destOrd="0" parTransId="{5E11D4E0-528E-43DF-AEF0-312E8E220289}" sibTransId="{07C17A59-8C5A-496A-9417-448F334C2BC7}"/>
    <dgm:cxn modelId="{AF550541-3241-4CDE-81E5-99849EFEB539}" type="presOf" srcId="{6039E104-5135-4CD0-AA03-AC3FFE08A1B9}" destId="{1C88CB2D-11B7-4695-911E-C24042727029}" srcOrd="0" destOrd="0" presId="urn:microsoft.com/office/officeart/2005/8/layout/orgChart1"/>
    <dgm:cxn modelId="{8AA64142-6FE1-422F-9078-BA0FE23E3A5A}" type="presOf" srcId="{5376D4B9-B800-404A-8842-1D5B1A6BE1AC}" destId="{C8719CE4-C5AA-43C0-99A4-5D1A99EF17AC}" srcOrd="1" destOrd="0" presId="urn:microsoft.com/office/officeart/2005/8/layout/orgChart1"/>
    <dgm:cxn modelId="{BC44E642-DF43-4CFC-8553-5B74F1C1E175}" type="presOf" srcId="{5587B9DE-C795-4A80-86B6-435D8F54CE9B}" destId="{178C102B-8733-444D-9546-A718DA8CDE39}" srcOrd="1" destOrd="0" presId="urn:microsoft.com/office/officeart/2005/8/layout/orgChart1"/>
    <dgm:cxn modelId="{689EF662-05F1-41E8-AC7F-893D49FF574D}" type="presOf" srcId="{32807BD1-3D67-4D05-A0AD-CEC6DDC7EA75}" destId="{3A4FBEC5-5789-4C16-9D82-195F054274A2}" srcOrd="0" destOrd="0" presId="urn:microsoft.com/office/officeart/2005/8/layout/orgChart1"/>
    <dgm:cxn modelId="{CBD42F65-B64A-430C-9D91-E64E2B3BB4AD}" srcId="{D44F963F-C5BE-4B4E-8D6C-D5E7A39A441C}" destId="{77F07092-F83D-48C4-9923-594B37AA20C9}" srcOrd="2" destOrd="0" parTransId="{D5EF4C0C-FD7A-475A-8CBD-1D0B6BCE61EF}" sibTransId="{01C540F3-0DD7-4666-9C8C-B1D3022C3FD8}"/>
    <dgm:cxn modelId="{0EA6BF45-8F55-4287-8ECD-22E8F38DF49D}" type="presOf" srcId="{32807BD1-3D67-4D05-A0AD-CEC6DDC7EA75}" destId="{5AE7E046-3CFC-41D4-A49D-BE432199385C}" srcOrd="1" destOrd="0" presId="urn:microsoft.com/office/officeart/2005/8/layout/orgChart1"/>
    <dgm:cxn modelId="{32E90C46-8AE9-4576-8E34-58E340A10D0E}" srcId="{AE40EDD5-D231-4EB2-BF55-A1D96195B796}" destId="{4DD76486-2251-480D-BA41-39CE852D10CB}" srcOrd="2" destOrd="0" parTransId="{BE17AF48-793A-40FB-8182-992A291C07EE}" sibTransId="{3438F011-7CE9-407B-96A9-926A90BCBB71}"/>
    <dgm:cxn modelId="{2DFEC567-BBC6-4D69-8011-C9EC049432C8}" type="presOf" srcId="{6C983697-387D-4C27-B61F-0515C7211E04}" destId="{4760CEFD-1396-4FB8-A276-54FD6F7EDEB5}" srcOrd="0" destOrd="0" presId="urn:microsoft.com/office/officeart/2005/8/layout/orgChart1"/>
    <dgm:cxn modelId="{8DDBA268-D2B0-4585-A0B4-B545F370D010}" type="presOf" srcId="{D44F963F-C5BE-4B4E-8D6C-D5E7A39A441C}" destId="{003FFD91-9F94-435A-A119-149B61350B97}" srcOrd="1" destOrd="0" presId="urn:microsoft.com/office/officeart/2005/8/layout/orgChart1"/>
    <dgm:cxn modelId="{29516269-B1D9-4A2B-89E8-AB8E66B03D78}" srcId="{F8834707-F5B3-4E57-A0A4-D7DCD37AFBB4}" destId="{BBE4160F-29DD-4BFD-B44D-FAD39C3F05B9}" srcOrd="0" destOrd="0" parTransId="{5AEBCC29-4B62-45DE-88E9-2CD003D71262}" sibTransId="{14E00F92-5AF9-45FF-B6EE-61C0328ED690}"/>
    <dgm:cxn modelId="{BDADE569-E864-4130-8E07-6E0D6601BE2D}" srcId="{62969DE7-A030-43A7-ACFE-A2A07FD4C414}" destId="{5587B9DE-C795-4A80-86B6-435D8F54CE9B}" srcOrd="0" destOrd="0" parTransId="{37B6175F-547D-4041-A525-C441A070EE48}" sibTransId="{6DEC35B5-3111-42E1-9CBF-7722EB21030F}"/>
    <dgm:cxn modelId="{0A97926A-4AF8-4247-AF1D-785E95FACF76}" type="presOf" srcId="{77F07092-F83D-48C4-9923-594B37AA20C9}" destId="{E9667915-2CDE-4AD1-9A02-636F0D0E8E2B}" srcOrd="1" destOrd="0" presId="urn:microsoft.com/office/officeart/2005/8/layout/orgChart1"/>
    <dgm:cxn modelId="{00FE214F-0A2C-425D-A529-23DD4719DB62}" type="presOf" srcId="{EE51AA4D-9697-4079-B47B-E9888F0D49F1}" destId="{26E9A8DF-759D-4F05-A566-8CB21F8FBC0F}" srcOrd="0" destOrd="0" presId="urn:microsoft.com/office/officeart/2005/8/layout/orgChart1"/>
    <dgm:cxn modelId="{96585F51-B52C-43DD-9D55-0EF19769A63D}" type="presOf" srcId="{D5EF4C0C-FD7A-475A-8CBD-1D0B6BCE61EF}" destId="{E941B4FE-96DC-45EC-BDFC-A3A3E710951F}" srcOrd="0" destOrd="0" presId="urn:microsoft.com/office/officeart/2005/8/layout/orgChart1"/>
    <dgm:cxn modelId="{8A4E2754-D411-4917-A46E-CFA2CAF0147D}" srcId="{D44F963F-C5BE-4B4E-8D6C-D5E7A39A441C}" destId="{7529CFDB-2376-48FD-89D3-61436BD055DD}" srcOrd="0" destOrd="0" parTransId="{721DA2E0-E1DE-4D07-8F24-0B5AE5A561C7}" sibTransId="{3622AE09-D754-49F7-8C77-88AA39EBE17F}"/>
    <dgm:cxn modelId="{2EA43974-0E8F-4C36-8F9F-776C327F3152}" type="presOf" srcId="{09CF91B0-4A10-424E-BA47-460C346B996D}" destId="{F469C038-0139-402D-A678-FA73A6277913}" srcOrd="0" destOrd="0" presId="urn:microsoft.com/office/officeart/2005/8/layout/orgChart1"/>
    <dgm:cxn modelId="{F3A31C75-DFDD-4315-BB66-633E7534E783}" type="presOf" srcId="{78974B94-96DB-4D87-92C0-49F49FBF9891}" destId="{F4D073D3-48E3-41EF-B9B8-C4E882766916}" srcOrd="0" destOrd="0" presId="urn:microsoft.com/office/officeart/2005/8/layout/orgChart1"/>
    <dgm:cxn modelId="{7F3ACD75-A493-446C-BE57-E4B9E1E8C0B4}" srcId="{32807BD1-3D67-4D05-A0AD-CEC6DDC7EA75}" destId="{DCB4C7FB-A33F-4F32-880B-093CCD19B74B}" srcOrd="1" destOrd="0" parTransId="{1B346850-A5B2-4A6B-9673-45A10A3C583C}" sibTransId="{0EDD9C75-11CE-4A34-8086-94FB62975AC5}"/>
    <dgm:cxn modelId="{3C33E155-1608-4526-8A9C-EA3B8A46F1CB}" type="presOf" srcId="{77F07092-F83D-48C4-9923-594B37AA20C9}" destId="{C647A73C-974B-4899-846E-B220C59CF9AB}" srcOrd="0" destOrd="0" presId="urn:microsoft.com/office/officeart/2005/8/layout/orgChart1"/>
    <dgm:cxn modelId="{A0676176-D0DF-468A-BFF1-501F4D7CAA61}" srcId="{32807BD1-3D67-4D05-A0AD-CEC6DDC7EA75}" destId="{1D8539E8-588C-4362-8FAB-27B71C403ECE}" srcOrd="2" destOrd="0" parTransId="{6C983697-387D-4C27-B61F-0515C7211E04}" sibTransId="{13E8CFD0-55E9-430E-AFF7-60772DA7A89A}"/>
    <dgm:cxn modelId="{E4520277-17D7-4AD2-A8F5-E8B587E9E57E}" srcId="{62969DE7-A030-43A7-ACFE-A2A07FD4C414}" destId="{A4B17644-F1D5-4201-A69F-C720C5DF8197}" srcOrd="1" destOrd="0" parTransId="{AA38CDD1-6683-4681-B5CF-15AA27F73127}" sibTransId="{D89E5B50-D612-4393-B0C6-38484B436ECA}"/>
    <dgm:cxn modelId="{BDBFA658-CB62-470B-8896-CB476293F205}" type="presOf" srcId="{F08F833A-0F50-490C-8E60-4D15B054E76D}" destId="{20B9E185-3172-4896-A99C-22407B93DA6F}" srcOrd="0" destOrd="0" presId="urn:microsoft.com/office/officeart/2005/8/layout/orgChart1"/>
    <dgm:cxn modelId="{64953179-E1B6-496C-B984-DA08E08E1588}" type="presOf" srcId="{5AEBCC29-4B62-45DE-88E9-2CD003D71262}" destId="{51E2FB4B-F434-4E88-A40F-B98088178F11}" srcOrd="0" destOrd="0" presId="urn:microsoft.com/office/officeart/2005/8/layout/orgChart1"/>
    <dgm:cxn modelId="{773F8D79-5218-4D0F-B4B8-C9FD76F894A9}" srcId="{F8834707-F5B3-4E57-A0A4-D7DCD37AFBB4}" destId="{5376D4B9-B800-404A-8842-1D5B1A6BE1AC}" srcOrd="3" destOrd="0" parTransId="{BA2B464B-2C55-4595-A675-3C4FF00BCAC7}" sibTransId="{0A05433E-A4D6-4997-9EB7-AD3B514AF149}"/>
    <dgm:cxn modelId="{F76EC879-2C5B-4D97-8F7B-15B98CA4357F}" type="presOf" srcId="{65164CED-4564-46F8-B7F3-6253933C926A}" destId="{72572473-9880-48DA-AA92-972C43E7EDCE}" srcOrd="0" destOrd="0" presId="urn:microsoft.com/office/officeart/2005/8/layout/orgChart1"/>
    <dgm:cxn modelId="{E9B4977A-6BB5-4ED8-B0B7-6346DFD2BF40}" type="presOf" srcId="{F4F0FE2B-DD5A-4B64-A7C4-FD08D931BB13}" destId="{176E2CFA-4E4C-4220-A574-1D7BC27976D1}" srcOrd="0" destOrd="0" presId="urn:microsoft.com/office/officeart/2005/8/layout/orgChart1"/>
    <dgm:cxn modelId="{A56E6682-E087-4303-B89F-78E14D62B145}" type="presOf" srcId="{B6E3DB59-7FEE-4BE6-BD44-D4CC8F9DEA06}" destId="{86329780-1A9A-44D9-BDF3-DE293614BD5E}" srcOrd="1" destOrd="0" presId="urn:microsoft.com/office/officeart/2005/8/layout/orgChart1"/>
    <dgm:cxn modelId="{4ADF6E82-FA84-4993-8908-23EBF4115FB4}" type="presOf" srcId="{62969DE7-A030-43A7-ACFE-A2A07FD4C414}" destId="{C653B071-8FFC-4EC1-8EA0-84600DEC5410}" srcOrd="1" destOrd="0" presId="urn:microsoft.com/office/officeart/2005/8/layout/orgChart1"/>
    <dgm:cxn modelId="{41D05087-5161-4F80-83B8-97BF7F07629F}" type="presOf" srcId="{627A9606-B56A-4AD7-AD20-7CBDFF5D3315}" destId="{E7783ECF-0DA6-468C-9E96-6FC491AD223C}" srcOrd="1" destOrd="0" presId="urn:microsoft.com/office/officeart/2005/8/layout/orgChart1"/>
    <dgm:cxn modelId="{FE795687-E110-4215-A273-269E993CC887}" srcId="{627A9606-B56A-4AD7-AD20-7CBDFF5D3315}" destId="{F8834707-F5B3-4E57-A0A4-D7DCD37AFBB4}" srcOrd="5" destOrd="0" parTransId="{06B4FE12-4DEE-40CC-8902-F7C91077FBD4}" sibTransId="{DF670039-6F64-42B3-9872-F30A6AAF9E4E}"/>
    <dgm:cxn modelId="{C336DB89-88BC-41B0-9E34-CB3C06056CB1}" type="presOf" srcId="{A15F1230-DB54-4D09-B127-BF2C4CE2E87A}" destId="{B2167E37-82D9-4560-A9E3-FF0EB252CE98}" srcOrd="0" destOrd="0" presId="urn:microsoft.com/office/officeart/2005/8/layout/orgChart1"/>
    <dgm:cxn modelId="{B82C068C-6DF0-4CBB-8776-7155FEA86B6F}" type="presOf" srcId="{CF91DAAC-0D46-4CAA-9B2E-CD12EACFB69D}" destId="{8100F284-DE8B-469D-B1A9-0DCD93A9C044}" srcOrd="0" destOrd="0" presId="urn:microsoft.com/office/officeart/2005/8/layout/orgChart1"/>
    <dgm:cxn modelId="{36E5AB8C-D9CF-4961-85E4-30D3EE39D18D}" type="presOf" srcId="{B6E3DB59-7FEE-4BE6-BD44-D4CC8F9DEA06}" destId="{E56293E9-CC42-4D87-BB71-C0D88F66F707}" srcOrd="0" destOrd="0" presId="urn:microsoft.com/office/officeart/2005/8/layout/orgChart1"/>
    <dgm:cxn modelId="{70ADFD8C-212E-4408-82F2-A557CE169752}" type="presOf" srcId="{7DEC30F0-9195-4C65-B305-D408FBC3160C}" destId="{F28C5CBC-627B-4211-A282-F7F8E7F55F65}" srcOrd="0" destOrd="0" presId="urn:microsoft.com/office/officeart/2005/8/layout/orgChart1"/>
    <dgm:cxn modelId="{D88EB48F-CBE7-4112-B0D8-3F68132D8E71}" type="presOf" srcId="{5376D4B9-B800-404A-8842-1D5B1A6BE1AC}" destId="{388775F6-4231-472F-8642-3570DA63B421}" srcOrd="0" destOrd="0" presId="urn:microsoft.com/office/officeart/2005/8/layout/orgChart1"/>
    <dgm:cxn modelId="{226F0D90-B973-4B4B-8BBF-0FD4BFDD2C14}" srcId="{627A9606-B56A-4AD7-AD20-7CBDFF5D3315}" destId="{02F9A00E-B2FF-4897-B5E2-B11835D989D2}" srcOrd="3" destOrd="0" parTransId="{18740B3C-69AA-47BD-9586-287FB9E52AF1}" sibTransId="{5DA0123D-4B41-4068-9979-BE8C6D217AFA}"/>
    <dgm:cxn modelId="{F2217A97-3CB3-45DD-B8F9-7D4F7E72FD6F}" type="presOf" srcId="{CF91DAAC-0D46-4CAA-9B2E-CD12EACFB69D}" destId="{EF9115C8-63C4-4D9B-9AD5-C9D51B15E514}" srcOrd="1" destOrd="0" presId="urn:microsoft.com/office/officeart/2005/8/layout/orgChart1"/>
    <dgm:cxn modelId="{77D4369D-A339-4DC9-A1C0-B82D81D878AA}" srcId="{D44F963F-C5BE-4B4E-8D6C-D5E7A39A441C}" destId="{CF91DAAC-0D46-4CAA-9B2E-CD12EACFB69D}" srcOrd="1" destOrd="0" parTransId="{6039E104-5135-4CD0-AA03-AC3FFE08A1B9}" sibTransId="{A34F210C-7D03-4F58-BA0B-8E9315D9E480}"/>
    <dgm:cxn modelId="{DF99F19F-D407-46BD-BCBC-C418A32A55C6}" type="presOf" srcId="{2370AA98-14BD-4B36-93C1-F61FBF478204}" destId="{A9AE207C-BA74-4FC8-811A-9CA16ABAA75C}" srcOrd="1" destOrd="0" presId="urn:microsoft.com/office/officeart/2005/8/layout/orgChart1"/>
    <dgm:cxn modelId="{240AACA0-5717-44AA-835C-90A511FB2550}" type="presOf" srcId="{7DEC30F0-9195-4C65-B305-D408FBC3160C}" destId="{BD122A5F-FA59-4F6F-9FDC-9E3B6819CDE5}" srcOrd="1" destOrd="0" presId="urn:microsoft.com/office/officeart/2005/8/layout/orgChart1"/>
    <dgm:cxn modelId="{0BD6ADA9-C86A-4D35-8607-0843706B1991}" type="presOf" srcId="{E428CDAD-0B4B-41F9-A58A-DEA7DD6044F2}" destId="{1E09AB46-26C2-401D-8265-A23B399F396D}" srcOrd="0" destOrd="0" presId="urn:microsoft.com/office/officeart/2005/8/layout/orgChart1"/>
    <dgm:cxn modelId="{A176E5AB-3BAC-40AE-821D-62CF0AC3B630}" srcId="{627A9606-B56A-4AD7-AD20-7CBDFF5D3315}" destId="{62969DE7-A030-43A7-ACFE-A2A07FD4C414}" srcOrd="0" destOrd="0" parTransId="{54EAE3EA-6F57-4324-82BB-2079E177A7E8}" sibTransId="{A2508F57-B214-4BFB-800F-8DB56D33E77C}"/>
    <dgm:cxn modelId="{00CD45AE-396D-4019-A936-8CDF55C51A27}" type="presOf" srcId="{627A9606-B56A-4AD7-AD20-7CBDFF5D3315}" destId="{DE93D893-03D7-4C06-9427-281031F0590D}" srcOrd="0" destOrd="0" presId="urn:microsoft.com/office/officeart/2005/8/layout/orgChart1"/>
    <dgm:cxn modelId="{B543E4AE-E78E-48CB-B530-E4B6E3B33CC2}" type="presOf" srcId="{A4B17644-F1D5-4201-A69F-C720C5DF8197}" destId="{9697A35B-3FB6-4575-9E65-07D7EE0F581E}" srcOrd="0" destOrd="0" presId="urn:microsoft.com/office/officeart/2005/8/layout/orgChart1"/>
    <dgm:cxn modelId="{489556AF-92E8-429B-96A8-202203127FB2}" type="presOf" srcId="{1B346850-A5B2-4A6B-9673-45A10A3C583C}" destId="{6B563B3B-C3BC-41F2-B74A-ED7F9227E059}" srcOrd="0" destOrd="0" presId="urn:microsoft.com/office/officeart/2005/8/layout/orgChart1"/>
    <dgm:cxn modelId="{1BD6FCB0-3CD9-4345-846F-6192D3A89DC0}" type="presOf" srcId="{AE40EDD5-D231-4EB2-BF55-A1D96195B796}" destId="{F85BB661-C6E1-4117-AF93-21BDA5FBF12B}" srcOrd="1" destOrd="0" presId="urn:microsoft.com/office/officeart/2005/8/layout/orgChart1"/>
    <dgm:cxn modelId="{1DE51AB3-D197-4ADA-B1E1-C97AE5BE60F0}" srcId="{F8834707-F5B3-4E57-A0A4-D7DCD37AFBB4}" destId="{71319681-5C92-4887-B0DC-58AE4ED26DB1}" srcOrd="2" destOrd="0" parTransId="{7BA0ED38-7925-4F2F-909A-13DEFE2FC4BC}" sibTransId="{E379A2DE-91C9-4816-8A3B-8433935E8A39}"/>
    <dgm:cxn modelId="{BA5B32B3-81D3-4FCE-A8A5-89BDA4DBD80E}" srcId="{627A9606-B56A-4AD7-AD20-7CBDFF5D3315}" destId="{32807BD1-3D67-4D05-A0AD-CEC6DDC7EA75}" srcOrd="2" destOrd="0" parTransId="{0AF61A29-BD08-43C7-8844-78243E311375}" sibTransId="{A27FA187-6C2C-4396-A068-20B308B8A213}"/>
    <dgm:cxn modelId="{4E9B43B8-756F-4292-BA49-9B8CDF59FF6D}" type="presOf" srcId="{0AF61A29-BD08-43C7-8844-78243E311375}" destId="{99FFC313-D861-4492-A68D-41A4BF9B74DD}" srcOrd="0" destOrd="0" presId="urn:microsoft.com/office/officeart/2005/8/layout/orgChart1"/>
    <dgm:cxn modelId="{DDB176BC-79FB-4DBD-A97C-A44829C24C53}" type="presOf" srcId="{18740B3C-69AA-47BD-9586-287FB9E52AF1}" destId="{03B8390D-B105-42B1-A386-12C2BD520DAA}" srcOrd="0" destOrd="0" presId="urn:microsoft.com/office/officeart/2005/8/layout/orgChart1"/>
    <dgm:cxn modelId="{630394BE-95E1-4FA9-B5F4-F7E005AD567C}" type="presOf" srcId="{54EAE3EA-6F57-4324-82BB-2079E177A7E8}" destId="{B10BDDB5-89A9-459E-8733-0652A71EE3AF}" srcOrd="0" destOrd="0" presId="urn:microsoft.com/office/officeart/2005/8/layout/orgChart1"/>
    <dgm:cxn modelId="{AA98F5BF-5B26-4E6E-8415-AD46AB16F679}" type="presOf" srcId="{5E11D4E0-528E-43DF-AEF0-312E8E220289}" destId="{25501E05-7E4C-42CC-B66D-71CF136F0EDC}" srcOrd="0" destOrd="0" presId="urn:microsoft.com/office/officeart/2005/8/layout/orgChart1"/>
    <dgm:cxn modelId="{D726CBC0-487F-488F-86B0-61F4FADCBD74}" type="presOf" srcId="{BFF621A8-39DA-46E5-B6F2-FB9CBDA16F19}" destId="{5F0ED6ED-9723-4547-ADAE-E5456AD22222}" srcOrd="0" destOrd="0" presId="urn:microsoft.com/office/officeart/2005/8/layout/orgChart1"/>
    <dgm:cxn modelId="{63DF93C1-14E4-45D7-8526-FB393255FBED}" type="presOf" srcId="{2370AA98-14BD-4B36-93C1-F61FBF478204}" destId="{FF542CFF-1527-4E82-B16A-378B26C0B24A}" srcOrd="0" destOrd="0" presId="urn:microsoft.com/office/officeart/2005/8/layout/orgChart1"/>
    <dgm:cxn modelId="{F3747AC4-B9C9-4EA4-A0D2-D4F869C38539}" type="presOf" srcId="{02F9A00E-B2FF-4897-B5E2-B11835D989D2}" destId="{39566ABE-F92F-46E2-B619-324305F3111E}" srcOrd="0" destOrd="0" presId="urn:microsoft.com/office/officeart/2005/8/layout/orgChart1"/>
    <dgm:cxn modelId="{4A2F68C8-7395-4896-83E0-1BC25CF185E3}" type="presOf" srcId="{34E69D6D-350F-4E11-8F09-E2C952375FA0}" destId="{FA7BA99C-D90F-4C7F-937D-E5F30D57C66A}" srcOrd="0" destOrd="0" presId="urn:microsoft.com/office/officeart/2005/8/layout/orgChart1"/>
    <dgm:cxn modelId="{5C1343C9-FDCB-453B-9776-42BFC211254C}" type="presOf" srcId="{02F9A00E-B2FF-4897-B5E2-B11835D989D2}" destId="{370CD29B-4C5E-4004-824C-34093A57EFF4}" srcOrd="1" destOrd="0" presId="urn:microsoft.com/office/officeart/2005/8/layout/orgChart1"/>
    <dgm:cxn modelId="{A8D3ADCB-61B2-4A1B-AFE9-AFD2B5FE8722}" srcId="{32807BD1-3D67-4D05-A0AD-CEC6DDC7EA75}" destId="{2370AA98-14BD-4B36-93C1-F61FBF478204}" srcOrd="0" destOrd="0" parTransId="{C045B89A-C3EC-40D2-B0C0-026257D2EB65}" sibTransId="{122F9002-9114-458E-891C-513D8F3F7E45}"/>
    <dgm:cxn modelId="{155B11CC-C9EE-49F2-8B41-C26C80DA37D9}" type="presOf" srcId="{BA2B464B-2C55-4595-A675-3C4FF00BCAC7}" destId="{351A5887-94D7-4773-AC9E-6307EFD26D13}" srcOrd="0" destOrd="0" presId="urn:microsoft.com/office/officeart/2005/8/layout/orgChart1"/>
    <dgm:cxn modelId="{945D76CC-A115-4A4D-96DB-4D3CADAC8C78}" type="presOf" srcId="{C045B89A-C3EC-40D2-B0C0-026257D2EB65}" destId="{7B0939E3-B16B-4AB6-918E-660B4E3EA43F}" srcOrd="0" destOrd="0" presId="urn:microsoft.com/office/officeart/2005/8/layout/orgChart1"/>
    <dgm:cxn modelId="{3BD61FCE-103A-4F80-B857-B39ED653BD8D}" type="presOf" srcId="{1D8539E8-588C-4362-8FAB-27B71C403ECE}" destId="{A71FB3ED-4BFA-48B0-BA4F-A3D42C627AAC}" srcOrd="0" destOrd="0" presId="urn:microsoft.com/office/officeart/2005/8/layout/orgChart1"/>
    <dgm:cxn modelId="{2BDEA6D3-FAC6-4F20-B708-D2EE60A255C0}" type="presOf" srcId="{D44F963F-C5BE-4B4E-8D6C-D5E7A39A441C}" destId="{9CDF24FD-B1BF-42B3-8C23-49FC0B64F7E2}" srcOrd="0" destOrd="0" presId="urn:microsoft.com/office/officeart/2005/8/layout/orgChart1"/>
    <dgm:cxn modelId="{4D39F5D5-42A7-45EA-A6EC-1E1600144216}" srcId="{AE40EDD5-D231-4EB2-BF55-A1D96195B796}" destId="{B6E3DB59-7FEE-4BE6-BD44-D4CC8F9DEA06}" srcOrd="0" destOrd="0" parTransId="{09CF91B0-4A10-424E-BA47-460C346B996D}" sibTransId="{D04A7AD7-1C62-410F-8F12-BF699A2BE35C}"/>
    <dgm:cxn modelId="{D66E6ADD-1A55-445D-806A-3FC578FBAE42}" type="presOf" srcId="{06B4FE12-4DEE-40CC-8902-F7C91077FBD4}" destId="{387A4011-43D2-4172-ADD2-9D9F410616F8}" srcOrd="0" destOrd="0" presId="urn:microsoft.com/office/officeart/2005/8/layout/orgChart1"/>
    <dgm:cxn modelId="{05562FDF-9CB7-4073-8042-AE927BB1BC0A}" type="presOf" srcId="{7529CFDB-2376-48FD-89D3-61436BD055DD}" destId="{40073E45-9D06-4801-A925-5A86C5EA24D8}" srcOrd="0" destOrd="0" presId="urn:microsoft.com/office/officeart/2005/8/layout/orgChart1"/>
    <dgm:cxn modelId="{37678DDF-20AB-4C3F-AAE4-F7CBD75EB83E}" type="presOf" srcId="{78974B94-96DB-4D87-92C0-49F49FBF9891}" destId="{D653EC46-8B14-4B0B-A11B-D915A18C4167}" srcOrd="1" destOrd="0" presId="urn:microsoft.com/office/officeart/2005/8/layout/orgChart1"/>
    <dgm:cxn modelId="{C31504E1-75AA-4657-B72B-CBDBB193C294}" srcId="{627A9606-B56A-4AD7-AD20-7CBDFF5D3315}" destId="{AE40EDD5-D231-4EB2-BF55-A1D96195B796}" srcOrd="4" destOrd="0" parTransId="{00E88D35-608D-4D2B-9385-50BC56688ECC}" sibTransId="{A60222F9-9BB4-414E-8435-3A547CC36F86}"/>
    <dgm:cxn modelId="{3A2F39E1-024D-45D1-8E15-F2055CB488FF}" type="presOf" srcId="{4DD76486-2251-480D-BA41-39CE852D10CB}" destId="{9C745451-5255-4ECC-8B88-C813BAEB1A11}" srcOrd="1" destOrd="0" presId="urn:microsoft.com/office/officeart/2005/8/layout/orgChart1"/>
    <dgm:cxn modelId="{8FAC41E1-9E7B-4BDC-8EBD-30D12DA284BB}" type="presOf" srcId="{DCB4C7FB-A33F-4F32-880B-093CCD19B74B}" destId="{0D0EDD5A-8061-4852-9273-1D225B0B42FB}" srcOrd="0" destOrd="0" presId="urn:microsoft.com/office/officeart/2005/8/layout/orgChart1"/>
    <dgm:cxn modelId="{44EAE2E3-D42F-4617-8332-9CBC8ED36203}" type="presOf" srcId="{F8834707-F5B3-4E57-A0A4-D7DCD37AFBB4}" destId="{8C26B38D-533F-4B47-BABF-FF3211EDA73C}" srcOrd="1" destOrd="0" presId="urn:microsoft.com/office/officeart/2005/8/layout/orgChart1"/>
    <dgm:cxn modelId="{CCEB73E5-9A2D-4933-9E33-03C3D10C86AB}" srcId="{02F9A00E-B2FF-4897-B5E2-B11835D989D2}" destId="{F4F0FE2B-DD5A-4B64-A7C4-FD08D931BB13}" srcOrd="2" destOrd="0" parTransId="{65164CED-4564-46F8-B7F3-6253933C926A}" sibTransId="{F9AE9EF9-EDC7-4933-8A45-2741781DBAD8}"/>
    <dgm:cxn modelId="{A2F0B5E7-0326-40B7-BF21-A95A86DD25A5}" type="presOf" srcId="{F08F833A-0F50-490C-8E60-4D15B054E76D}" destId="{A955F49D-19BD-446B-80FA-C4EDA916B396}" srcOrd="1" destOrd="0" presId="urn:microsoft.com/office/officeart/2005/8/layout/orgChart1"/>
    <dgm:cxn modelId="{4D2D0DE8-3927-428C-8817-37B49A8F1871}" srcId="{627A9606-B56A-4AD7-AD20-7CBDFF5D3315}" destId="{D44F963F-C5BE-4B4E-8D6C-D5E7A39A441C}" srcOrd="1" destOrd="0" parTransId="{DA6E9733-A889-4D33-B381-0E520E9823E9}" sibTransId="{FFB3DB35-E261-49A1-BB7E-985BD94DFCED}"/>
    <dgm:cxn modelId="{20A434E8-DD78-47C4-ADB2-51BB77DA2AA9}" srcId="{FDD16752-FC69-49DE-B99F-FEA15E984002}" destId="{627A9606-B56A-4AD7-AD20-7CBDFF5D3315}" srcOrd="0" destOrd="0" parTransId="{584BFB11-C583-4EB9-B113-2E218BC2D047}" sibTransId="{9EFC399C-0071-4802-8E6D-8E7E7ED9A1BC}"/>
    <dgm:cxn modelId="{C9F7B8E8-9BA2-4AAB-B239-3EB4A934410D}" type="presOf" srcId="{80ADFD80-7BB9-45CF-8545-63474BC004F7}" destId="{69CE8032-686B-4D9F-A022-BCD80359DA80}" srcOrd="1" destOrd="0" presId="urn:microsoft.com/office/officeart/2005/8/layout/orgChart1"/>
    <dgm:cxn modelId="{1C63B8ED-CE33-45C4-A3E5-653955CB7EC1}" type="presOf" srcId="{AE40EDD5-D231-4EB2-BF55-A1D96195B796}" destId="{9CD492D0-6C4B-4E90-AFE0-C5738B8D653C}" srcOrd="0" destOrd="0" presId="urn:microsoft.com/office/officeart/2005/8/layout/orgChart1"/>
    <dgm:cxn modelId="{CD9513EF-B5C4-4A2E-881F-DD985A183BEE}" srcId="{02F9A00E-B2FF-4897-B5E2-B11835D989D2}" destId="{34E69D6D-350F-4E11-8F09-E2C952375FA0}" srcOrd="0" destOrd="0" parTransId="{1BEEA89E-DA15-437F-B84A-E8352511246D}" sibTransId="{42BE6BF9-0147-41FC-9F46-287F25D1EAC2}"/>
    <dgm:cxn modelId="{BD2CBEF0-1E26-4CB5-9459-EA071D0F3DF7}" type="presOf" srcId="{FDD16752-FC69-49DE-B99F-FEA15E984002}" destId="{F11D3A80-31AC-414A-8BB7-0187A03E5432}" srcOrd="0" destOrd="0" presId="urn:microsoft.com/office/officeart/2005/8/layout/orgChart1"/>
    <dgm:cxn modelId="{453FDFF0-DF5F-40B6-83C0-A60C14F6E88B}" type="presOf" srcId="{7529CFDB-2376-48FD-89D3-61436BD055DD}" destId="{A3C12C70-00F5-4D4F-AAF3-4DA1469C21FA}" srcOrd="1" destOrd="0" presId="urn:microsoft.com/office/officeart/2005/8/layout/orgChart1"/>
    <dgm:cxn modelId="{8B6EAAF1-9D42-4E3E-8F30-B12108442F29}" type="presOf" srcId="{DA6E9733-A889-4D33-B381-0E520E9823E9}" destId="{DB3E17BF-3604-432F-9E6E-43938F2EE7C9}" srcOrd="0" destOrd="0" presId="urn:microsoft.com/office/officeart/2005/8/layout/orgChart1"/>
    <dgm:cxn modelId="{92ADF8F1-C239-444D-85C4-7AF78DE1919B}" type="presOf" srcId="{C68300C9-B1F0-404E-8AD3-B2C8EFCAE7B1}" destId="{3902FC0E-3AE0-48DC-B0EA-C12B011687FD}" srcOrd="0" destOrd="0" presId="urn:microsoft.com/office/officeart/2005/8/layout/orgChart1"/>
    <dgm:cxn modelId="{AF8D4CF2-826E-4728-A551-34468865D996}" type="presOf" srcId="{BE17AF48-793A-40FB-8182-992A291C07EE}" destId="{CF021E55-8765-4CB7-B416-F4E95C4181DF}" srcOrd="0" destOrd="0" presId="urn:microsoft.com/office/officeart/2005/8/layout/orgChart1"/>
    <dgm:cxn modelId="{7D883EF6-3216-410B-AB39-065EA47E97BF}" type="presOf" srcId="{71319681-5C92-4887-B0DC-58AE4ED26DB1}" destId="{A5D60626-BBE6-43A8-BF44-65FDA0CC8496}" srcOrd="1" destOrd="0" presId="urn:microsoft.com/office/officeart/2005/8/layout/orgChart1"/>
    <dgm:cxn modelId="{951A12F7-4A2B-4606-8997-48E15910722D}" type="presOf" srcId="{F4F0FE2B-DD5A-4B64-A7C4-FD08D931BB13}" destId="{A4FA24CC-AFDF-4B8C-A144-82B3636DD9E4}" srcOrd="1" destOrd="0" presId="urn:microsoft.com/office/officeart/2005/8/layout/orgChart1"/>
    <dgm:cxn modelId="{40FF4CFA-75BF-4BA2-AA80-164B5AAFD2B3}" type="presOf" srcId="{00E88D35-608D-4D2B-9385-50BC56688ECC}" destId="{8900AE5B-2871-4D66-AA54-57F4721E8B9C}" srcOrd="0" destOrd="0" presId="urn:microsoft.com/office/officeart/2005/8/layout/orgChart1"/>
    <dgm:cxn modelId="{D980E3FD-81FB-44AC-AFB3-77167709830D}" type="presOf" srcId="{37B6175F-547D-4041-A525-C441A070EE48}" destId="{A41FED37-668A-48F0-8678-CBF74E63F0E3}" srcOrd="0" destOrd="0" presId="urn:microsoft.com/office/officeart/2005/8/layout/orgChart1"/>
    <dgm:cxn modelId="{054A0BFE-CF56-45A6-9F26-D04A54970B2D}" type="presOf" srcId="{80ADFD80-7BB9-45CF-8545-63474BC004F7}" destId="{F8E8C9EC-C03C-4941-A7ED-DC3D5AEC1333}" srcOrd="0" destOrd="0" presId="urn:microsoft.com/office/officeart/2005/8/layout/orgChart1"/>
    <dgm:cxn modelId="{EDA91E28-B575-4F3D-BEE7-B947922652FC}" type="presParOf" srcId="{F11D3A80-31AC-414A-8BB7-0187A03E5432}" destId="{4153E196-9B25-4666-8AA4-43B6C0F78206}" srcOrd="0" destOrd="0" presId="urn:microsoft.com/office/officeart/2005/8/layout/orgChart1"/>
    <dgm:cxn modelId="{7AC8B5C0-5304-4633-9A1B-45A841800ED8}" type="presParOf" srcId="{4153E196-9B25-4666-8AA4-43B6C0F78206}" destId="{C4D7BF9C-1D3D-4AD3-8B19-C93B8F9D53FF}" srcOrd="0" destOrd="0" presId="urn:microsoft.com/office/officeart/2005/8/layout/orgChart1"/>
    <dgm:cxn modelId="{259F7239-44B7-41A6-9600-478D614F9763}" type="presParOf" srcId="{C4D7BF9C-1D3D-4AD3-8B19-C93B8F9D53FF}" destId="{DE93D893-03D7-4C06-9427-281031F0590D}" srcOrd="0" destOrd="0" presId="urn:microsoft.com/office/officeart/2005/8/layout/orgChart1"/>
    <dgm:cxn modelId="{420C4695-1A79-4831-9AC5-D6BCFA8AD8D2}" type="presParOf" srcId="{C4D7BF9C-1D3D-4AD3-8B19-C93B8F9D53FF}" destId="{E7783ECF-0DA6-468C-9E96-6FC491AD223C}" srcOrd="1" destOrd="0" presId="urn:microsoft.com/office/officeart/2005/8/layout/orgChart1"/>
    <dgm:cxn modelId="{1CD9B5FA-0617-4163-AFCE-2AE713821DC9}" type="presParOf" srcId="{4153E196-9B25-4666-8AA4-43B6C0F78206}" destId="{1B6A62B3-D034-43D5-942A-AFBF2EE72B78}" srcOrd="1" destOrd="0" presId="urn:microsoft.com/office/officeart/2005/8/layout/orgChart1"/>
    <dgm:cxn modelId="{A6438AF0-A2CC-41DC-AB55-81AF156EEC45}" type="presParOf" srcId="{1B6A62B3-D034-43D5-942A-AFBF2EE72B78}" destId="{B10BDDB5-89A9-459E-8733-0652A71EE3AF}" srcOrd="0" destOrd="0" presId="urn:microsoft.com/office/officeart/2005/8/layout/orgChart1"/>
    <dgm:cxn modelId="{8E6730B6-7CFA-4475-8C1A-272ABB334838}" type="presParOf" srcId="{1B6A62B3-D034-43D5-942A-AFBF2EE72B78}" destId="{A5C5DD4B-F9C2-451C-93B3-D9DD7BF23691}" srcOrd="1" destOrd="0" presId="urn:microsoft.com/office/officeart/2005/8/layout/orgChart1"/>
    <dgm:cxn modelId="{DB3DABCC-2139-43B3-BEAD-57B2AE679BA0}" type="presParOf" srcId="{A5C5DD4B-F9C2-451C-93B3-D9DD7BF23691}" destId="{6BB91BEF-8DEB-4D16-B8FC-2F5F45C3222F}" srcOrd="0" destOrd="0" presId="urn:microsoft.com/office/officeart/2005/8/layout/orgChart1"/>
    <dgm:cxn modelId="{4F97B772-CE4F-40E7-A4E5-F5CA96ADE2D9}" type="presParOf" srcId="{6BB91BEF-8DEB-4D16-B8FC-2F5F45C3222F}" destId="{7F315924-B694-41DA-8BE3-324691512D72}" srcOrd="0" destOrd="0" presId="urn:microsoft.com/office/officeart/2005/8/layout/orgChart1"/>
    <dgm:cxn modelId="{0B7C28E1-1E05-4CE5-996F-72D99958AA5D}" type="presParOf" srcId="{6BB91BEF-8DEB-4D16-B8FC-2F5F45C3222F}" destId="{C653B071-8FFC-4EC1-8EA0-84600DEC5410}" srcOrd="1" destOrd="0" presId="urn:microsoft.com/office/officeart/2005/8/layout/orgChart1"/>
    <dgm:cxn modelId="{35561860-F875-46A2-8270-15FD2741BFC1}" type="presParOf" srcId="{A5C5DD4B-F9C2-451C-93B3-D9DD7BF23691}" destId="{0AF29723-F789-43C1-A658-69E81A9EACC3}" srcOrd="1" destOrd="0" presId="urn:microsoft.com/office/officeart/2005/8/layout/orgChart1"/>
    <dgm:cxn modelId="{D8130799-6E31-44C5-82B9-891813E7DAAD}" type="presParOf" srcId="{0AF29723-F789-43C1-A658-69E81A9EACC3}" destId="{A41FED37-668A-48F0-8678-CBF74E63F0E3}" srcOrd="0" destOrd="0" presId="urn:microsoft.com/office/officeart/2005/8/layout/orgChart1"/>
    <dgm:cxn modelId="{46098747-46B3-4999-862F-9A339A4C0B92}" type="presParOf" srcId="{0AF29723-F789-43C1-A658-69E81A9EACC3}" destId="{D4F55467-24D9-4173-A340-A9DE59CF262F}" srcOrd="1" destOrd="0" presId="urn:microsoft.com/office/officeart/2005/8/layout/orgChart1"/>
    <dgm:cxn modelId="{24EF1F9D-92D8-4589-A0B7-C59EA9AFD94C}" type="presParOf" srcId="{D4F55467-24D9-4173-A340-A9DE59CF262F}" destId="{8F07E25C-6ED2-4458-AB0B-43013EE51E34}" srcOrd="0" destOrd="0" presId="urn:microsoft.com/office/officeart/2005/8/layout/orgChart1"/>
    <dgm:cxn modelId="{BBA0F888-ED27-4865-9DAD-AF3AB3813DED}" type="presParOf" srcId="{8F07E25C-6ED2-4458-AB0B-43013EE51E34}" destId="{435DF1FE-BF18-4B54-9460-7ADB9668D64C}" srcOrd="0" destOrd="0" presId="urn:microsoft.com/office/officeart/2005/8/layout/orgChart1"/>
    <dgm:cxn modelId="{5CB3507D-4B2A-44F5-BC82-4496B6AE1CEE}" type="presParOf" srcId="{8F07E25C-6ED2-4458-AB0B-43013EE51E34}" destId="{178C102B-8733-444D-9546-A718DA8CDE39}" srcOrd="1" destOrd="0" presId="urn:microsoft.com/office/officeart/2005/8/layout/orgChart1"/>
    <dgm:cxn modelId="{2B0AAADB-ECC4-460D-ACEA-2E65B63021FF}" type="presParOf" srcId="{D4F55467-24D9-4173-A340-A9DE59CF262F}" destId="{8C259039-143C-43F8-99D9-B7A72F0505F8}" srcOrd="1" destOrd="0" presId="urn:microsoft.com/office/officeart/2005/8/layout/orgChart1"/>
    <dgm:cxn modelId="{CEFF253B-AAC5-4422-BF7F-293293E67253}" type="presParOf" srcId="{D4F55467-24D9-4173-A340-A9DE59CF262F}" destId="{7125DBD6-6161-4679-9BBC-5036D2F1A7A4}" srcOrd="2" destOrd="0" presId="urn:microsoft.com/office/officeart/2005/8/layout/orgChart1"/>
    <dgm:cxn modelId="{5F0B2886-AD4F-47C8-8892-FDB02219A67C}" type="presParOf" srcId="{0AF29723-F789-43C1-A658-69E81A9EACC3}" destId="{C76BFEEB-DD88-4847-A17E-72E005057DE0}" srcOrd="2" destOrd="0" presId="urn:microsoft.com/office/officeart/2005/8/layout/orgChart1"/>
    <dgm:cxn modelId="{7EA3FC98-A809-44B9-8579-282A54BC8FA3}" type="presParOf" srcId="{0AF29723-F789-43C1-A658-69E81A9EACC3}" destId="{EF8DB698-4472-401E-A483-6D03C271D22A}" srcOrd="3" destOrd="0" presId="urn:microsoft.com/office/officeart/2005/8/layout/orgChart1"/>
    <dgm:cxn modelId="{6D61F980-FD2C-4E62-BCC8-6DFFFF80DE6F}" type="presParOf" srcId="{EF8DB698-4472-401E-A483-6D03C271D22A}" destId="{79C4AAAE-E63C-481F-97AC-FDBF0B71AF1A}" srcOrd="0" destOrd="0" presId="urn:microsoft.com/office/officeart/2005/8/layout/orgChart1"/>
    <dgm:cxn modelId="{AF7D80BA-5B1F-482A-A0DC-2EB46B2FC48C}" type="presParOf" srcId="{79C4AAAE-E63C-481F-97AC-FDBF0B71AF1A}" destId="{9697A35B-3FB6-4575-9E65-07D7EE0F581E}" srcOrd="0" destOrd="0" presId="urn:microsoft.com/office/officeart/2005/8/layout/orgChart1"/>
    <dgm:cxn modelId="{CBA0DA00-A7C4-49D9-BA64-4972C010BAED}" type="presParOf" srcId="{79C4AAAE-E63C-481F-97AC-FDBF0B71AF1A}" destId="{41DF36CE-DAB8-43B8-809B-3E4A59E3BE9A}" srcOrd="1" destOrd="0" presId="urn:microsoft.com/office/officeart/2005/8/layout/orgChart1"/>
    <dgm:cxn modelId="{25FD6C4B-7159-467F-8AB9-B210D85AEA86}" type="presParOf" srcId="{EF8DB698-4472-401E-A483-6D03C271D22A}" destId="{57022357-9DB0-4665-B39E-31E465282B9C}" srcOrd="1" destOrd="0" presId="urn:microsoft.com/office/officeart/2005/8/layout/orgChart1"/>
    <dgm:cxn modelId="{E25BB710-C10C-4DEF-9B05-B7FCBC842126}" type="presParOf" srcId="{EF8DB698-4472-401E-A483-6D03C271D22A}" destId="{96FF413C-A2BE-48AE-AE4E-70DC381E54D0}" srcOrd="2" destOrd="0" presId="urn:microsoft.com/office/officeart/2005/8/layout/orgChart1"/>
    <dgm:cxn modelId="{34A7DCA8-B04B-4D33-AEE7-C3F7CC496258}" type="presParOf" srcId="{A5C5DD4B-F9C2-451C-93B3-D9DD7BF23691}" destId="{857D4559-8CE9-48A4-8564-5B458F81AEB4}" srcOrd="2" destOrd="0" presId="urn:microsoft.com/office/officeart/2005/8/layout/orgChart1"/>
    <dgm:cxn modelId="{E2868AFC-E837-4E65-8041-5C133F741EEB}" type="presParOf" srcId="{1B6A62B3-D034-43D5-942A-AFBF2EE72B78}" destId="{DB3E17BF-3604-432F-9E6E-43938F2EE7C9}" srcOrd="2" destOrd="0" presId="urn:microsoft.com/office/officeart/2005/8/layout/orgChart1"/>
    <dgm:cxn modelId="{09850919-41ED-41FD-94EB-A40DA21CC7FE}" type="presParOf" srcId="{1B6A62B3-D034-43D5-942A-AFBF2EE72B78}" destId="{2D811C1F-F03B-44B2-8820-196A768C6399}" srcOrd="3" destOrd="0" presId="urn:microsoft.com/office/officeart/2005/8/layout/orgChart1"/>
    <dgm:cxn modelId="{F192CF08-89F0-4292-9A3C-C118808DA2F9}" type="presParOf" srcId="{2D811C1F-F03B-44B2-8820-196A768C6399}" destId="{01D2FEB2-4928-48EA-B290-67F06AE951B6}" srcOrd="0" destOrd="0" presId="urn:microsoft.com/office/officeart/2005/8/layout/orgChart1"/>
    <dgm:cxn modelId="{C145F129-E4CF-4A8D-9910-78EE1686ECE9}" type="presParOf" srcId="{01D2FEB2-4928-48EA-B290-67F06AE951B6}" destId="{9CDF24FD-B1BF-42B3-8C23-49FC0B64F7E2}" srcOrd="0" destOrd="0" presId="urn:microsoft.com/office/officeart/2005/8/layout/orgChart1"/>
    <dgm:cxn modelId="{D1A77534-58A6-42AC-8A80-011A1AF5ADB3}" type="presParOf" srcId="{01D2FEB2-4928-48EA-B290-67F06AE951B6}" destId="{003FFD91-9F94-435A-A119-149B61350B97}" srcOrd="1" destOrd="0" presId="urn:microsoft.com/office/officeart/2005/8/layout/orgChart1"/>
    <dgm:cxn modelId="{89A1BD98-5F4F-4F99-9D85-F01182F70EDD}" type="presParOf" srcId="{2D811C1F-F03B-44B2-8820-196A768C6399}" destId="{23EB1A76-A2FD-4125-9599-E78DEB957532}" srcOrd="1" destOrd="0" presId="urn:microsoft.com/office/officeart/2005/8/layout/orgChart1"/>
    <dgm:cxn modelId="{A40B8BCF-5E5C-46CA-87D6-D8B4C7E814FD}" type="presParOf" srcId="{23EB1A76-A2FD-4125-9599-E78DEB957532}" destId="{AE3DF7D5-84F3-4D22-91D7-B3A1DF5162B4}" srcOrd="0" destOrd="0" presId="urn:microsoft.com/office/officeart/2005/8/layout/orgChart1"/>
    <dgm:cxn modelId="{D5A0683A-9F60-4D63-BF16-B336D4CF4294}" type="presParOf" srcId="{23EB1A76-A2FD-4125-9599-E78DEB957532}" destId="{AD0C83B3-5498-4862-9295-44038EA32CF3}" srcOrd="1" destOrd="0" presId="urn:microsoft.com/office/officeart/2005/8/layout/orgChart1"/>
    <dgm:cxn modelId="{3010D70F-0429-4794-A2F4-12948074C815}" type="presParOf" srcId="{AD0C83B3-5498-4862-9295-44038EA32CF3}" destId="{45702F43-4953-4F4E-AAC7-A5739E26643F}" srcOrd="0" destOrd="0" presId="urn:microsoft.com/office/officeart/2005/8/layout/orgChart1"/>
    <dgm:cxn modelId="{489E2914-146C-4911-B549-8280FBB4636B}" type="presParOf" srcId="{45702F43-4953-4F4E-AAC7-A5739E26643F}" destId="{40073E45-9D06-4801-A925-5A86C5EA24D8}" srcOrd="0" destOrd="0" presId="urn:microsoft.com/office/officeart/2005/8/layout/orgChart1"/>
    <dgm:cxn modelId="{AE85786B-597B-4CBC-BF7B-A1C66FDB18D1}" type="presParOf" srcId="{45702F43-4953-4F4E-AAC7-A5739E26643F}" destId="{A3C12C70-00F5-4D4F-AAF3-4DA1469C21FA}" srcOrd="1" destOrd="0" presId="urn:microsoft.com/office/officeart/2005/8/layout/orgChart1"/>
    <dgm:cxn modelId="{C3501EB4-C9B0-4790-81AF-0E9789416E2A}" type="presParOf" srcId="{AD0C83B3-5498-4862-9295-44038EA32CF3}" destId="{D3BE81AE-29AC-4A66-92C3-6EE2E663C522}" srcOrd="1" destOrd="0" presId="urn:microsoft.com/office/officeart/2005/8/layout/orgChart1"/>
    <dgm:cxn modelId="{42BE39A4-5928-47AA-8899-5CAFF1EDB631}" type="presParOf" srcId="{AD0C83B3-5498-4862-9295-44038EA32CF3}" destId="{1EA73FAD-7A83-449C-8FA4-2C6B3D7BBA96}" srcOrd="2" destOrd="0" presId="urn:microsoft.com/office/officeart/2005/8/layout/orgChart1"/>
    <dgm:cxn modelId="{D290F8EB-7794-4DCB-9820-E058B2C140BB}" type="presParOf" srcId="{23EB1A76-A2FD-4125-9599-E78DEB957532}" destId="{1C88CB2D-11B7-4695-911E-C24042727029}" srcOrd="2" destOrd="0" presId="urn:microsoft.com/office/officeart/2005/8/layout/orgChart1"/>
    <dgm:cxn modelId="{85BEE3CF-5A36-4399-B28A-67FAF8602D09}" type="presParOf" srcId="{23EB1A76-A2FD-4125-9599-E78DEB957532}" destId="{5610C14F-7741-4471-A239-478C78891524}" srcOrd="3" destOrd="0" presId="urn:microsoft.com/office/officeart/2005/8/layout/orgChart1"/>
    <dgm:cxn modelId="{B2D16332-8CB1-46C8-A900-6EFD43709263}" type="presParOf" srcId="{5610C14F-7741-4471-A239-478C78891524}" destId="{FAAA0181-EFE8-4F89-AE8C-3E3D841B2CB9}" srcOrd="0" destOrd="0" presId="urn:microsoft.com/office/officeart/2005/8/layout/orgChart1"/>
    <dgm:cxn modelId="{67C16EBE-EC27-43F9-9939-933A98EDDCA5}" type="presParOf" srcId="{FAAA0181-EFE8-4F89-AE8C-3E3D841B2CB9}" destId="{8100F284-DE8B-469D-B1A9-0DCD93A9C044}" srcOrd="0" destOrd="0" presId="urn:microsoft.com/office/officeart/2005/8/layout/orgChart1"/>
    <dgm:cxn modelId="{973A5FAD-CA9B-4F2C-9B08-0421F87C74C0}" type="presParOf" srcId="{FAAA0181-EFE8-4F89-AE8C-3E3D841B2CB9}" destId="{EF9115C8-63C4-4D9B-9AD5-C9D51B15E514}" srcOrd="1" destOrd="0" presId="urn:microsoft.com/office/officeart/2005/8/layout/orgChart1"/>
    <dgm:cxn modelId="{DD6E91E4-ADD1-4DF2-A2DD-83E551203744}" type="presParOf" srcId="{5610C14F-7741-4471-A239-478C78891524}" destId="{418468F2-85A8-499C-A6F9-52ABC88C8FFC}" srcOrd="1" destOrd="0" presId="urn:microsoft.com/office/officeart/2005/8/layout/orgChart1"/>
    <dgm:cxn modelId="{4EF8F90E-EAB1-4A6B-84C4-316931780A81}" type="presParOf" srcId="{5610C14F-7741-4471-A239-478C78891524}" destId="{577DA01B-E96E-4E55-BF49-1382FC503D88}" srcOrd="2" destOrd="0" presId="urn:microsoft.com/office/officeart/2005/8/layout/orgChart1"/>
    <dgm:cxn modelId="{4884150F-1EE3-4F47-B5FE-A64335C80517}" type="presParOf" srcId="{23EB1A76-A2FD-4125-9599-E78DEB957532}" destId="{E941B4FE-96DC-45EC-BDFC-A3A3E710951F}" srcOrd="4" destOrd="0" presId="urn:microsoft.com/office/officeart/2005/8/layout/orgChart1"/>
    <dgm:cxn modelId="{6E1B2822-5976-451A-9142-ED05C4728B4F}" type="presParOf" srcId="{23EB1A76-A2FD-4125-9599-E78DEB957532}" destId="{0231F497-83FA-4F19-A0EE-33C30CA4E56E}" srcOrd="5" destOrd="0" presId="urn:microsoft.com/office/officeart/2005/8/layout/orgChart1"/>
    <dgm:cxn modelId="{CF8D9B9F-1D96-4B30-A4E1-9FC6FFD3FB16}" type="presParOf" srcId="{0231F497-83FA-4F19-A0EE-33C30CA4E56E}" destId="{CCBB0232-2D29-42D4-9BD0-8BD19E9FB829}" srcOrd="0" destOrd="0" presId="urn:microsoft.com/office/officeart/2005/8/layout/orgChart1"/>
    <dgm:cxn modelId="{1050184D-4347-467F-9330-A067CDF7DA16}" type="presParOf" srcId="{CCBB0232-2D29-42D4-9BD0-8BD19E9FB829}" destId="{C647A73C-974B-4899-846E-B220C59CF9AB}" srcOrd="0" destOrd="0" presId="urn:microsoft.com/office/officeart/2005/8/layout/orgChart1"/>
    <dgm:cxn modelId="{79CBB960-0E08-4FEE-AA61-66C06E6D3056}" type="presParOf" srcId="{CCBB0232-2D29-42D4-9BD0-8BD19E9FB829}" destId="{E9667915-2CDE-4AD1-9A02-636F0D0E8E2B}" srcOrd="1" destOrd="0" presId="urn:microsoft.com/office/officeart/2005/8/layout/orgChart1"/>
    <dgm:cxn modelId="{7A5FD801-4389-481A-82A3-CDDBC4266782}" type="presParOf" srcId="{0231F497-83FA-4F19-A0EE-33C30CA4E56E}" destId="{E5C66B3B-D95F-4B64-A309-496760F8AA0A}" srcOrd="1" destOrd="0" presId="urn:microsoft.com/office/officeart/2005/8/layout/orgChart1"/>
    <dgm:cxn modelId="{4E9C07C6-86ED-41D7-AE3D-A7BF62CF5F49}" type="presParOf" srcId="{0231F497-83FA-4F19-A0EE-33C30CA4E56E}" destId="{D02D87E1-BE3D-46B7-86A3-D6EDBD67A325}" srcOrd="2" destOrd="0" presId="urn:microsoft.com/office/officeart/2005/8/layout/orgChart1"/>
    <dgm:cxn modelId="{2901BA18-577D-48C8-A2DA-596641839B6C}" type="presParOf" srcId="{23EB1A76-A2FD-4125-9599-E78DEB957532}" destId="{1E09AB46-26C2-401D-8265-A23B399F396D}" srcOrd="6" destOrd="0" presId="urn:microsoft.com/office/officeart/2005/8/layout/orgChart1"/>
    <dgm:cxn modelId="{8998B52A-3398-4289-ABCA-57BD04140462}" type="presParOf" srcId="{23EB1A76-A2FD-4125-9599-E78DEB957532}" destId="{5C79CD07-7F2C-4F50-BC51-BFD4C3F51B91}" srcOrd="7" destOrd="0" presId="urn:microsoft.com/office/officeart/2005/8/layout/orgChart1"/>
    <dgm:cxn modelId="{53D1B151-DA67-48CE-94D1-AE9ADF3259E0}" type="presParOf" srcId="{5C79CD07-7F2C-4F50-BC51-BFD4C3F51B91}" destId="{C2B98067-3EE5-40F7-BB12-E4F2ABD98125}" srcOrd="0" destOrd="0" presId="urn:microsoft.com/office/officeart/2005/8/layout/orgChart1"/>
    <dgm:cxn modelId="{0C942D0E-C6F8-4121-941D-2032361067D1}" type="presParOf" srcId="{C2B98067-3EE5-40F7-BB12-E4F2ABD98125}" destId="{F28C5CBC-627B-4211-A282-F7F8E7F55F65}" srcOrd="0" destOrd="0" presId="urn:microsoft.com/office/officeart/2005/8/layout/orgChart1"/>
    <dgm:cxn modelId="{37CA1846-E33A-4C70-A0C8-46C46BE1BE7D}" type="presParOf" srcId="{C2B98067-3EE5-40F7-BB12-E4F2ABD98125}" destId="{BD122A5F-FA59-4F6F-9FDC-9E3B6819CDE5}" srcOrd="1" destOrd="0" presId="urn:microsoft.com/office/officeart/2005/8/layout/orgChart1"/>
    <dgm:cxn modelId="{4ABCA97D-7A86-4F45-B353-66F3334D3EF4}" type="presParOf" srcId="{5C79CD07-7F2C-4F50-BC51-BFD4C3F51B91}" destId="{A1701E71-9950-4D6E-8F18-6554248A799F}" srcOrd="1" destOrd="0" presId="urn:microsoft.com/office/officeart/2005/8/layout/orgChart1"/>
    <dgm:cxn modelId="{403B772B-E047-48F8-A387-046B41D6CBC5}" type="presParOf" srcId="{5C79CD07-7F2C-4F50-BC51-BFD4C3F51B91}" destId="{40FB2E4D-27E3-4215-ACB3-2F1C10DDBB7D}" srcOrd="2" destOrd="0" presId="urn:microsoft.com/office/officeart/2005/8/layout/orgChart1"/>
    <dgm:cxn modelId="{445D48E1-F567-4B6B-AEBC-F534549653BA}" type="presParOf" srcId="{23EB1A76-A2FD-4125-9599-E78DEB957532}" destId="{B2167E37-82D9-4560-A9E3-FF0EB252CE98}" srcOrd="8" destOrd="0" presId="urn:microsoft.com/office/officeart/2005/8/layout/orgChart1"/>
    <dgm:cxn modelId="{380C953F-8186-4245-AEAF-70ADA7C20C4D}" type="presParOf" srcId="{23EB1A76-A2FD-4125-9599-E78DEB957532}" destId="{84128803-1E9B-42D2-AD90-E737F3720D17}" srcOrd="9" destOrd="0" presId="urn:microsoft.com/office/officeart/2005/8/layout/orgChart1"/>
    <dgm:cxn modelId="{BFDEC0D9-F521-4C53-AE68-D3A8E5C902AF}" type="presParOf" srcId="{84128803-1E9B-42D2-AD90-E737F3720D17}" destId="{9D852AF4-427A-4A10-A45D-D141F917A4ED}" srcOrd="0" destOrd="0" presId="urn:microsoft.com/office/officeart/2005/8/layout/orgChart1"/>
    <dgm:cxn modelId="{23B15C68-40D1-430C-9F7F-BB6558067E35}" type="presParOf" srcId="{9D852AF4-427A-4A10-A45D-D141F917A4ED}" destId="{3902FC0E-3AE0-48DC-B0EA-C12B011687FD}" srcOrd="0" destOrd="0" presId="urn:microsoft.com/office/officeart/2005/8/layout/orgChart1"/>
    <dgm:cxn modelId="{2A6EF8B4-E7EF-4D69-BEFF-937381597E6E}" type="presParOf" srcId="{9D852AF4-427A-4A10-A45D-D141F917A4ED}" destId="{77AA6D6D-5050-4ACF-B53B-9356612F70D0}" srcOrd="1" destOrd="0" presId="urn:microsoft.com/office/officeart/2005/8/layout/orgChart1"/>
    <dgm:cxn modelId="{0E471A06-6E62-44A5-A287-CCC3DBB10625}" type="presParOf" srcId="{84128803-1E9B-42D2-AD90-E737F3720D17}" destId="{6F70EBB8-D74C-4C4A-AB8C-3EAAFCAB6680}" srcOrd="1" destOrd="0" presId="urn:microsoft.com/office/officeart/2005/8/layout/orgChart1"/>
    <dgm:cxn modelId="{877F0EC0-BB54-40E3-AEA0-1DDD690BBD8B}" type="presParOf" srcId="{84128803-1E9B-42D2-AD90-E737F3720D17}" destId="{90A3EBC4-D586-413C-99A7-E8560E624556}" srcOrd="2" destOrd="0" presId="urn:microsoft.com/office/officeart/2005/8/layout/orgChart1"/>
    <dgm:cxn modelId="{04BD7357-49CC-409C-B3DD-758CAB5B90D1}" type="presParOf" srcId="{2D811C1F-F03B-44B2-8820-196A768C6399}" destId="{6A2F9151-B589-438B-A3A2-3623235EF432}" srcOrd="2" destOrd="0" presId="urn:microsoft.com/office/officeart/2005/8/layout/orgChart1"/>
    <dgm:cxn modelId="{7E9D121A-8A52-4B42-AC3E-F71937AE04C2}" type="presParOf" srcId="{1B6A62B3-D034-43D5-942A-AFBF2EE72B78}" destId="{99FFC313-D861-4492-A68D-41A4BF9B74DD}" srcOrd="4" destOrd="0" presId="urn:microsoft.com/office/officeart/2005/8/layout/orgChart1"/>
    <dgm:cxn modelId="{7737E1FF-80FE-4906-974C-6BC4034E2596}" type="presParOf" srcId="{1B6A62B3-D034-43D5-942A-AFBF2EE72B78}" destId="{6C8BFF1B-B517-4708-89E7-1C4FBF26A590}" srcOrd="5" destOrd="0" presId="urn:microsoft.com/office/officeart/2005/8/layout/orgChart1"/>
    <dgm:cxn modelId="{500B2374-1659-4C10-8276-3AB5278CB5B1}" type="presParOf" srcId="{6C8BFF1B-B517-4708-89E7-1C4FBF26A590}" destId="{6BBF13B4-9FE8-4E4B-9C3F-7F1633CF6D97}" srcOrd="0" destOrd="0" presId="urn:microsoft.com/office/officeart/2005/8/layout/orgChart1"/>
    <dgm:cxn modelId="{C94B2CB2-3827-4EB8-B263-6172747BBAA0}" type="presParOf" srcId="{6BBF13B4-9FE8-4E4B-9C3F-7F1633CF6D97}" destId="{3A4FBEC5-5789-4C16-9D82-195F054274A2}" srcOrd="0" destOrd="0" presId="urn:microsoft.com/office/officeart/2005/8/layout/orgChart1"/>
    <dgm:cxn modelId="{8C1D6194-A8CF-4959-A8A3-409470F6111B}" type="presParOf" srcId="{6BBF13B4-9FE8-4E4B-9C3F-7F1633CF6D97}" destId="{5AE7E046-3CFC-41D4-A49D-BE432199385C}" srcOrd="1" destOrd="0" presId="urn:microsoft.com/office/officeart/2005/8/layout/orgChart1"/>
    <dgm:cxn modelId="{166F5015-3D15-475F-8146-CD4B4DEDA493}" type="presParOf" srcId="{6C8BFF1B-B517-4708-89E7-1C4FBF26A590}" destId="{3CD15704-95D1-470F-8C2F-B5E35BA6D4C6}" srcOrd="1" destOrd="0" presId="urn:microsoft.com/office/officeart/2005/8/layout/orgChart1"/>
    <dgm:cxn modelId="{7832853A-F6F5-4159-BCFD-077B7B556808}" type="presParOf" srcId="{3CD15704-95D1-470F-8C2F-B5E35BA6D4C6}" destId="{7B0939E3-B16B-4AB6-918E-660B4E3EA43F}" srcOrd="0" destOrd="0" presId="urn:microsoft.com/office/officeart/2005/8/layout/orgChart1"/>
    <dgm:cxn modelId="{5ABA7354-DB7B-464F-A2D3-58BE97B8E60F}" type="presParOf" srcId="{3CD15704-95D1-470F-8C2F-B5E35BA6D4C6}" destId="{13C5AA8C-B3D1-4CE2-A370-D8B8B04EEF75}" srcOrd="1" destOrd="0" presId="urn:microsoft.com/office/officeart/2005/8/layout/orgChart1"/>
    <dgm:cxn modelId="{5A2CE426-6210-4B3C-B97C-9B7CED817F9E}" type="presParOf" srcId="{13C5AA8C-B3D1-4CE2-A370-D8B8B04EEF75}" destId="{02B2AD80-6C57-492E-8A48-41712A795667}" srcOrd="0" destOrd="0" presId="urn:microsoft.com/office/officeart/2005/8/layout/orgChart1"/>
    <dgm:cxn modelId="{1FBBCBDC-2585-42E8-BC81-6CBEB686437B}" type="presParOf" srcId="{02B2AD80-6C57-492E-8A48-41712A795667}" destId="{FF542CFF-1527-4E82-B16A-378B26C0B24A}" srcOrd="0" destOrd="0" presId="urn:microsoft.com/office/officeart/2005/8/layout/orgChart1"/>
    <dgm:cxn modelId="{3A038C53-9461-494A-AA0A-CC7E11543E89}" type="presParOf" srcId="{02B2AD80-6C57-492E-8A48-41712A795667}" destId="{A9AE207C-BA74-4FC8-811A-9CA16ABAA75C}" srcOrd="1" destOrd="0" presId="urn:microsoft.com/office/officeart/2005/8/layout/orgChart1"/>
    <dgm:cxn modelId="{B1631FD0-2E71-4846-8AF5-BD6DF2130BA3}" type="presParOf" srcId="{13C5AA8C-B3D1-4CE2-A370-D8B8B04EEF75}" destId="{5E07DEA1-2C46-4CD6-9D57-5F5FDEBE62D9}" srcOrd="1" destOrd="0" presId="urn:microsoft.com/office/officeart/2005/8/layout/orgChart1"/>
    <dgm:cxn modelId="{70B79784-03B1-4A85-90DA-262BE87077F3}" type="presParOf" srcId="{13C5AA8C-B3D1-4CE2-A370-D8B8B04EEF75}" destId="{43EE6866-CB2B-4DB4-959E-63AEBFD912F5}" srcOrd="2" destOrd="0" presId="urn:microsoft.com/office/officeart/2005/8/layout/orgChart1"/>
    <dgm:cxn modelId="{07D1AEAE-92F0-4EBC-813C-41638B8510EE}" type="presParOf" srcId="{3CD15704-95D1-470F-8C2F-B5E35BA6D4C6}" destId="{6B563B3B-C3BC-41F2-B74A-ED7F9227E059}" srcOrd="2" destOrd="0" presId="urn:microsoft.com/office/officeart/2005/8/layout/orgChart1"/>
    <dgm:cxn modelId="{A2B3C897-7A89-4914-AB73-DE4014CABE26}" type="presParOf" srcId="{3CD15704-95D1-470F-8C2F-B5E35BA6D4C6}" destId="{C9C0FF27-B52C-4490-9E28-39387B654444}" srcOrd="3" destOrd="0" presId="urn:microsoft.com/office/officeart/2005/8/layout/orgChart1"/>
    <dgm:cxn modelId="{E27DE542-2CCF-46AB-8ADF-033CCA3284E9}" type="presParOf" srcId="{C9C0FF27-B52C-4490-9E28-39387B654444}" destId="{C432673D-25D4-46FF-BBC1-27F6FC08796B}" srcOrd="0" destOrd="0" presId="urn:microsoft.com/office/officeart/2005/8/layout/orgChart1"/>
    <dgm:cxn modelId="{68BDDC66-CE36-4F7C-9A43-DAF1B12C9B60}" type="presParOf" srcId="{C432673D-25D4-46FF-BBC1-27F6FC08796B}" destId="{0D0EDD5A-8061-4852-9273-1D225B0B42FB}" srcOrd="0" destOrd="0" presId="urn:microsoft.com/office/officeart/2005/8/layout/orgChart1"/>
    <dgm:cxn modelId="{1D240CCB-A8D6-40D5-9158-0C3E40DDB901}" type="presParOf" srcId="{C432673D-25D4-46FF-BBC1-27F6FC08796B}" destId="{DD26A9E4-71F3-45AA-A73D-EA47D041C38C}" srcOrd="1" destOrd="0" presId="urn:microsoft.com/office/officeart/2005/8/layout/orgChart1"/>
    <dgm:cxn modelId="{746A0363-7EAF-4DC6-A450-B3354482456F}" type="presParOf" srcId="{C9C0FF27-B52C-4490-9E28-39387B654444}" destId="{98EDBD83-AB30-410B-84E2-AABE373DFBA5}" srcOrd="1" destOrd="0" presId="urn:microsoft.com/office/officeart/2005/8/layout/orgChart1"/>
    <dgm:cxn modelId="{468A4283-E92B-48CF-B41F-BFE693F56601}" type="presParOf" srcId="{C9C0FF27-B52C-4490-9E28-39387B654444}" destId="{99A3AE92-ECB6-4020-8A6D-9E359F20EAB3}" srcOrd="2" destOrd="0" presId="urn:microsoft.com/office/officeart/2005/8/layout/orgChart1"/>
    <dgm:cxn modelId="{80B20F9E-215D-46A4-A304-B121D2B50DE0}" type="presParOf" srcId="{3CD15704-95D1-470F-8C2F-B5E35BA6D4C6}" destId="{4760CEFD-1396-4FB8-A276-54FD6F7EDEB5}" srcOrd="4" destOrd="0" presId="urn:microsoft.com/office/officeart/2005/8/layout/orgChart1"/>
    <dgm:cxn modelId="{1D859B3C-1314-47F7-B202-21F9F44AFE18}" type="presParOf" srcId="{3CD15704-95D1-470F-8C2F-B5E35BA6D4C6}" destId="{4C3C20D2-3520-487C-AD8E-4C809571185E}" srcOrd="5" destOrd="0" presId="urn:microsoft.com/office/officeart/2005/8/layout/orgChart1"/>
    <dgm:cxn modelId="{1E85973A-6724-4B3F-B520-9CA78CB9513F}" type="presParOf" srcId="{4C3C20D2-3520-487C-AD8E-4C809571185E}" destId="{B7044EDA-57D6-4017-8B8B-8BD476B683A7}" srcOrd="0" destOrd="0" presId="urn:microsoft.com/office/officeart/2005/8/layout/orgChart1"/>
    <dgm:cxn modelId="{55AD392E-C717-4C52-9589-87DD588567A2}" type="presParOf" srcId="{B7044EDA-57D6-4017-8B8B-8BD476B683A7}" destId="{A71FB3ED-4BFA-48B0-BA4F-A3D42C627AAC}" srcOrd="0" destOrd="0" presId="urn:microsoft.com/office/officeart/2005/8/layout/orgChart1"/>
    <dgm:cxn modelId="{FE04C6EA-9ECB-4364-92D5-E523E845869B}" type="presParOf" srcId="{B7044EDA-57D6-4017-8B8B-8BD476B683A7}" destId="{4F3C92A6-F36E-4AB5-B723-37BF4ED85A13}" srcOrd="1" destOrd="0" presId="urn:microsoft.com/office/officeart/2005/8/layout/orgChart1"/>
    <dgm:cxn modelId="{C02794BB-78A9-4917-9733-F6AB96796959}" type="presParOf" srcId="{4C3C20D2-3520-487C-AD8E-4C809571185E}" destId="{C4B9DD58-D31A-45A5-91A7-26D9D05CE2B3}" srcOrd="1" destOrd="0" presId="urn:microsoft.com/office/officeart/2005/8/layout/orgChart1"/>
    <dgm:cxn modelId="{C2C7530A-6343-47DC-9953-360494306A2A}" type="presParOf" srcId="{4C3C20D2-3520-487C-AD8E-4C809571185E}" destId="{97ACD0A0-51D6-4925-859B-B884914534F5}" srcOrd="2" destOrd="0" presId="urn:microsoft.com/office/officeart/2005/8/layout/orgChart1"/>
    <dgm:cxn modelId="{DF8217A0-EFE2-4B07-A3CA-DB3E0AC1FA75}" type="presParOf" srcId="{6C8BFF1B-B517-4708-89E7-1C4FBF26A590}" destId="{F2D63061-2116-4E32-9D95-A337C0F1B2AE}" srcOrd="2" destOrd="0" presId="urn:microsoft.com/office/officeart/2005/8/layout/orgChart1"/>
    <dgm:cxn modelId="{3D6C350C-798E-4A6B-93F1-4974F5AC34CB}" type="presParOf" srcId="{1B6A62B3-D034-43D5-942A-AFBF2EE72B78}" destId="{03B8390D-B105-42B1-A386-12C2BD520DAA}" srcOrd="6" destOrd="0" presId="urn:microsoft.com/office/officeart/2005/8/layout/orgChart1"/>
    <dgm:cxn modelId="{5CA2B149-BCA2-4728-A117-2CE1F9B3AABF}" type="presParOf" srcId="{1B6A62B3-D034-43D5-942A-AFBF2EE72B78}" destId="{86E6C108-BFA7-40BE-8DA9-0D16D8F302A7}" srcOrd="7" destOrd="0" presId="urn:microsoft.com/office/officeart/2005/8/layout/orgChart1"/>
    <dgm:cxn modelId="{594FEE3E-2FD6-4CE9-B42B-9A6647047976}" type="presParOf" srcId="{86E6C108-BFA7-40BE-8DA9-0D16D8F302A7}" destId="{F6E82332-7F67-45B2-9BE4-82C7DE4D7EA4}" srcOrd="0" destOrd="0" presId="urn:microsoft.com/office/officeart/2005/8/layout/orgChart1"/>
    <dgm:cxn modelId="{FBFF8D5C-70DD-455E-8492-FD93AA1B3681}" type="presParOf" srcId="{F6E82332-7F67-45B2-9BE4-82C7DE4D7EA4}" destId="{39566ABE-F92F-46E2-B619-324305F3111E}" srcOrd="0" destOrd="0" presId="urn:microsoft.com/office/officeart/2005/8/layout/orgChart1"/>
    <dgm:cxn modelId="{61D17C73-1ED3-43F6-A038-E579ADC32022}" type="presParOf" srcId="{F6E82332-7F67-45B2-9BE4-82C7DE4D7EA4}" destId="{370CD29B-4C5E-4004-824C-34093A57EFF4}" srcOrd="1" destOrd="0" presId="urn:microsoft.com/office/officeart/2005/8/layout/orgChart1"/>
    <dgm:cxn modelId="{BE97C207-B717-4204-BBC8-B1D70E746630}" type="presParOf" srcId="{86E6C108-BFA7-40BE-8DA9-0D16D8F302A7}" destId="{AD6BE32C-7DE7-47A5-A7D5-BF3DE4E4F551}" srcOrd="1" destOrd="0" presId="urn:microsoft.com/office/officeart/2005/8/layout/orgChart1"/>
    <dgm:cxn modelId="{5E3EDA70-CAB8-4FB7-9919-25244B5A04AE}" type="presParOf" srcId="{AD6BE32C-7DE7-47A5-A7D5-BF3DE4E4F551}" destId="{7045D9E7-FB8E-4A15-A786-2308CECB0D36}" srcOrd="0" destOrd="0" presId="urn:microsoft.com/office/officeart/2005/8/layout/orgChart1"/>
    <dgm:cxn modelId="{CFAA6274-304B-47BB-83A2-2A920D228279}" type="presParOf" srcId="{AD6BE32C-7DE7-47A5-A7D5-BF3DE4E4F551}" destId="{6D8E6498-D063-450E-A7E3-1EF91423DB53}" srcOrd="1" destOrd="0" presId="urn:microsoft.com/office/officeart/2005/8/layout/orgChart1"/>
    <dgm:cxn modelId="{FD766B7D-C165-47BE-B8DE-F8B679AADD39}" type="presParOf" srcId="{6D8E6498-D063-450E-A7E3-1EF91423DB53}" destId="{53D058F2-3B13-4133-A2AA-B865987C62D1}" srcOrd="0" destOrd="0" presId="urn:microsoft.com/office/officeart/2005/8/layout/orgChart1"/>
    <dgm:cxn modelId="{7550B3F0-609D-4794-9202-02CF0F7EF928}" type="presParOf" srcId="{53D058F2-3B13-4133-A2AA-B865987C62D1}" destId="{FA7BA99C-D90F-4C7F-937D-E5F30D57C66A}" srcOrd="0" destOrd="0" presId="urn:microsoft.com/office/officeart/2005/8/layout/orgChart1"/>
    <dgm:cxn modelId="{502C78D4-68D9-47A0-B7FD-7B894898CE52}" type="presParOf" srcId="{53D058F2-3B13-4133-A2AA-B865987C62D1}" destId="{3CD66D3A-7419-4132-AD2D-A4E5C6E4A5B5}" srcOrd="1" destOrd="0" presId="urn:microsoft.com/office/officeart/2005/8/layout/orgChart1"/>
    <dgm:cxn modelId="{510E8E0C-7735-4C36-81D6-B63E02F97C8D}" type="presParOf" srcId="{6D8E6498-D063-450E-A7E3-1EF91423DB53}" destId="{4A8FD806-5D76-4D96-AABC-94515818A816}" srcOrd="1" destOrd="0" presId="urn:microsoft.com/office/officeart/2005/8/layout/orgChart1"/>
    <dgm:cxn modelId="{BF421F19-111C-4AC7-8258-CE7E709314C3}" type="presParOf" srcId="{6D8E6498-D063-450E-A7E3-1EF91423DB53}" destId="{21B26C38-49CF-4210-BDA9-DDFA15F27AF3}" srcOrd="2" destOrd="0" presId="urn:microsoft.com/office/officeart/2005/8/layout/orgChart1"/>
    <dgm:cxn modelId="{300ABCC0-01A6-4505-9842-FF3BAD80CAF5}" type="presParOf" srcId="{AD6BE32C-7DE7-47A5-A7D5-BF3DE4E4F551}" destId="{5F0ED6ED-9723-4547-ADAE-E5456AD22222}" srcOrd="2" destOrd="0" presId="urn:microsoft.com/office/officeart/2005/8/layout/orgChart1"/>
    <dgm:cxn modelId="{96317F21-13EE-47CF-8938-F87CFEF003E3}" type="presParOf" srcId="{AD6BE32C-7DE7-47A5-A7D5-BF3DE4E4F551}" destId="{0F08736E-168F-4C01-A0F4-B37B0E90DDE3}" srcOrd="3" destOrd="0" presId="urn:microsoft.com/office/officeart/2005/8/layout/orgChart1"/>
    <dgm:cxn modelId="{B483257C-1A18-42A8-9C99-D8B40E3F5204}" type="presParOf" srcId="{0F08736E-168F-4C01-A0F4-B37B0E90DDE3}" destId="{B8E58F5D-50FA-435B-8A53-A37A41AD3995}" srcOrd="0" destOrd="0" presId="urn:microsoft.com/office/officeart/2005/8/layout/orgChart1"/>
    <dgm:cxn modelId="{5DEC16DC-037E-480B-99C6-65C5F82DE9DD}" type="presParOf" srcId="{B8E58F5D-50FA-435B-8A53-A37A41AD3995}" destId="{F8E8C9EC-C03C-4941-A7ED-DC3D5AEC1333}" srcOrd="0" destOrd="0" presId="urn:microsoft.com/office/officeart/2005/8/layout/orgChart1"/>
    <dgm:cxn modelId="{ED3DDDC8-1657-4527-AF71-7B04B2A9835D}" type="presParOf" srcId="{B8E58F5D-50FA-435B-8A53-A37A41AD3995}" destId="{69CE8032-686B-4D9F-A022-BCD80359DA80}" srcOrd="1" destOrd="0" presId="urn:microsoft.com/office/officeart/2005/8/layout/orgChart1"/>
    <dgm:cxn modelId="{2B863782-4176-4550-961E-A455A6FD2405}" type="presParOf" srcId="{0F08736E-168F-4C01-A0F4-B37B0E90DDE3}" destId="{89F07D2B-3335-4E52-B4C1-EA61091406B6}" srcOrd="1" destOrd="0" presId="urn:microsoft.com/office/officeart/2005/8/layout/orgChart1"/>
    <dgm:cxn modelId="{D4D0E6FA-E794-4D89-A23E-0CC84EF80D3B}" type="presParOf" srcId="{0F08736E-168F-4C01-A0F4-B37B0E90DDE3}" destId="{DE0EE957-219E-43CA-A0F7-1190BC91E0B9}" srcOrd="2" destOrd="0" presId="urn:microsoft.com/office/officeart/2005/8/layout/orgChart1"/>
    <dgm:cxn modelId="{F67DABA8-9FC7-40CE-A80D-77708486779D}" type="presParOf" srcId="{AD6BE32C-7DE7-47A5-A7D5-BF3DE4E4F551}" destId="{72572473-9880-48DA-AA92-972C43E7EDCE}" srcOrd="4" destOrd="0" presId="urn:microsoft.com/office/officeart/2005/8/layout/orgChart1"/>
    <dgm:cxn modelId="{68A99151-E63A-4FC8-A176-59A11BCF9991}" type="presParOf" srcId="{AD6BE32C-7DE7-47A5-A7D5-BF3DE4E4F551}" destId="{CF8333B7-E286-45F7-8CE5-3A4A722A7F4B}" srcOrd="5" destOrd="0" presId="urn:microsoft.com/office/officeart/2005/8/layout/orgChart1"/>
    <dgm:cxn modelId="{711A6F1A-AB30-486E-9E11-584310556113}" type="presParOf" srcId="{CF8333B7-E286-45F7-8CE5-3A4A722A7F4B}" destId="{D4DA7EBA-CC4B-4A81-9320-146B592DE3D2}" srcOrd="0" destOrd="0" presId="urn:microsoft.com/office/officeart/2005/8/layout/orgChart1"/>
    <dgm:cxn modelId="{C05BC201-C5A0-4CE8-88FB-9113383BA0F9}" type="presParOf" srcId="{D4DA7EBA-CC4B-4A81-9320-146B592DE3D2}" destId="{176E2CFA-4E4C-4220-A574-1D7BC27976D1}" srcOrd="0" destOrd="0" presId="urn:microsoft.com/office/officeart/2005/8/layout/orgChart1"/>
    <dgm:cxn modelId="{2C223C76-18EF-48D4-BFA5-BB2226CF9676}" type="presParOf" srcId="{D4DA7EBA-CC4B-4A81-9320-146B592DE3D2}" destId="{A4FA24CC-AFDF-4B8C-A144-82B3636DD9E4}" srcOrd="1" destOrd="0" presId="urn:microsoft.com/office/officeart/2005/8/layout/orgChart1"/>
    <dgm:cxn modelId="{901E1153-8F70-45D0-9CC6-D5E8683EE0B0}" type="presParOf" srcId="{CF8333B7-E286-45F7-8CE5-3A4A722A7F4B}" destId="{A8CFC0CD-2758-43E3-B8EC-1F9D3EBDF3AF}" srcOrd="1" destOrd="0" presId="urn:microsoft.com/office/officeart/2005/8/layout/orgChart1"/>
    <dgm:cxn modelId="{3694C8C0-76D8-4977-B1FE-66417F1D33DF}" type="presParOf" srcId="{CF8333B7-E286-45F7-8CE5-3A4A722A7F4B}" destId="{91D17DF1-FE06-468A-B8CC-A299A33E9FBD}" srcOrd="2" destOrd="0" presId="urn:microsoft.com/office/officeart/2005/8/layout/orgChart1"/>
    <dgm:cxn modelId="{7406EC38-BECC-4898-BEB6-B228066FFAD5}" type="presParOf" srcId="{86E6C108-BFA7-40BE-8DA9-0D16D8F302A7}" destId="{EBB9F988-EEF2-41D1-B1B7-FDA67E2E6A24}" srcOrd="2" destOrd="0" presId="urn:microsoft.com/office/officeart/2005/8/layout/orgChart1"/>
    <dgm:cxn modelId="{9C31C481-A1DF-4CBC-9DCC-0FBB302B2711}" type="presParOf" srcId="{1B6A62B3-D034-43D5-942A-AFBF2EE72B78}" destId="{8900AE5B-2871-4D66-AA54-57F4721E8B9C}" srcOrd="8" destOrd="0" presId="urn:microsoft.com/office/officeart/2005/8/layout/orgChart1"/>
    <dgm:cxn modelId="{F3BC7451-1A02-44EF-84CA-680BC7C1A1F8}" type="presParOf" srcId="{1B6A62B3-D034-43D5-942A-AFBF2EE72B78}" destId="{C1C10A0C-9F1A-4F33-BDA0-18B010D33514}" srcOrd="9" destOrd="0" presId="urn:microsoft.com/office/officeart/2005/8/layout/orgChart1"/>
    <dgm:cxn modelId="{33F77D19-1E4A-4280-96C2-0CBADB40BD90}" type="presParOf" srcId="{C1C10A0C-9F1A-4F33-BDA0-18B010D33514}" destId="{93EDAF41-4F4C-48E5-9415-6D4ADD81DEB1}" srcOrd="0" destOrd="0" presId="urn:microsoft.com/office/officeart/2005/8/layout/orgChart1"/>
    <dgm:cxn modelId="{1F1F2FD9-ED8D-4FC5-8CFA-A33D3AE7349C}" type="presParOf" srcId="{93EDAF41-4F4C-48E5-9415-6D4ADD81DEB1}" destId="{9CD492D0-6C4B-4E90-AFE0-C5738B8D653C}" srcOrd="0" destOrd="0" presId="urn:microsoft.com/office/officeart/2005/8/layout/orgChart1"/>
    <dgm:cxn modelId="{6887AC82-6C0A-4525-BBD4-1BF2A8BB0B87}" type="presParOf" srcId="{93EDAF41-4F4C-48E5-9415-6D4ADD81DEB1}" destId="{F85BB661-C6E1-4117-AF93-21BDA5FBF12B}" srcOrd="1" destOrd="0" presId="urn:microsoft.com/office/officeart/2005/8/layout/orgChart1"/>
    <dgm:cxn modelId="{48407D96-241A-4432-BFB1-09D51E5ED1A0}" type="presParOf" srcId="{C1C10A0C-9F1A-4F33-BDA0-18B010D33514}" destId="{879FE8C2-0BE0-459B-92EF-3644DFE9E3A3}" srcOrd="1" destOrd="0" presId="urn:microsoft.com/office/officeart/2005/8/layout/orgChart1"/>
    <dgm:cxn modelId="{5F309CA6-03D4-4444-AE98-9A8A94B3647D}" type="presParOf" srcId="{879FE8C2-0BE0-459B-92EF-3644DFE9E3A3}" destId="{F469C038-0139-402D-A678-FA73A6277913}" srcOrd="0" destOrd="0" presId="urn:microsoft.com/office/officeart/2005/8/layout/orgChart1"/>
    <dgm:cxn modelId="{8F67A4A0-D6B0-449E-B588-824409522483}" type="presParOf" srcId="{879FE8C2-0BE0-459B-92EF-3644DFE9E3A3}" destId="{EFC59F12-07A9-415F-9927-492F4F024933}" srcOrd="1" destOrd="0" presId="urn:microsoft.com/office/officeart/2005/8/layout/orgChart1"/>
    <dgm:cxn modelId="{20ABBC08-DE4E-4E30-9651-9D395BEC5EEF}" type="presParOf" srcId="{EFC59F12-07A9-415F-9927-492F4F024933}" destId="{D1531CF4-B7E2-4245-9E2E-4201D240FC37}" srcOrd="0" destOrd="0" presId="urn:microsoft.com/office/officeart/2005/8/layout/orgChart1"/>
    <dgm:cxn modelId="{0C864E84-9582-4AAF-A6B1-47842A42DABA}" type="presParOf" srcId="{D1531CF4-B7E2-4245-9E2E-4201D240FC37}" destId="{E56293E9-CC42-4D87-BB71-C0D88F66F707}" srcOrd="0" destOrd="0" presId="urn:microsoft.com/office/officeart/2005/8/layout/orgChart1"/>
    <dgm:cxn modelId="{30535F38-BFF0-4F1F-96D7-8DACC81BB57C}" type="presParOf" srcId="{D1531CF4-B7E2-4245-9E2E-4201D240FC37}" destId="{86329780-1A9A-44D9-BDF3-DE293614BD5E}" srcOrd="1" destOrd="0" presId="urn:microsoft.com/office/officeart/2005/8/layout/orgChart1"/>
    <dgm:cxn modelId="{C8A57662-0861-4BF3-B636-B051F5D8C326}" type="presParOf" srcId="{EFC59F12-07A9-415F-9927-492F4F024933}" destId="{F2D60539-7C69-46A1-A735-D6D7E4CA397E}" srcOrd="1" destOrd="0" presId="urn:microsoft.com/office/officeart/2005/8/layout/orgChart1"/>
    <dgm:cxn modelId="{D276F79F-C726-4ED5-8F44-4ED904236641}" type="presParOf" srcId="{EFC59F12-07A9-415F-9927-492F4F024933}" destId="{E5871A9B-B535-4E68-992F-18C877602A8D}" srcOrd="2" destOrd="0" presId="urn:microsoft.com/office/officeart/2005/8/layout/orgChart1"/>
    <dgm:cxn modelId="{5CB31E6D-3EF8-49DC-9DBB-192EEAECD7AF}" type="presParOf" srcId="{879FE8C2-0BE0-459B-92EF-3644DFE9E3A3}" destId="{26E9A8DF-759D-4F05-A566-8CB21F8FBC0F}" srcOrd="2" destOrd="0" presId="urn:microsoft.com/office/officeart/2005/8/layout/orgChart1"/>
    <dgm:cxn modelId="{B641B04D-C6F6-4FFB-970C-D10914345611}" type="presParOf" srcId="{879FE8C2-0BE0-459B-92EF-3644DFE9E3A3}" destId="{31B8A124-9959-4C16-8C14-6B211A87C5AF}" srcOrd="3" destOrd="0" presId="urn:microsoft.com/office/officeart/2005/8/layout/orgChart1"/>
    <dgm:cxn modelId="{2D57EB02-C30D-4A74-968C-A5684E6C4E73}" type="presParOf" srcId="{31B8A124-9959-4C16-8C14-6B211A87C5AF}" destId="{77B9CAB6-E1E3-4A1F-A4B2-358D255C318D}" srcOrd="0" destOrd="0" presId="urn:microsoft.com/office/officeart/2005/8/layout/orgChart1"/>
    <dgm:cxn modelId="{4852E48F-4355-47F5-AD18-83644B158870}" type="presParOf" srcId="{77B9CAB6-E1E3-4A1F-A4B2-358D255C318D}" destId="{20B9E185-3172-4896-A99C-22407B93DA6F}" srcOrd="0" destOrd="0" presId="urn:microsoft.com/office/officeart/2005/8/layout/orgChart1"/>
    <dgm:cxn modelId="{8462D3A7-DDEB-4881-BD28-4706FA28D59C}" type="presParOf" srcId="{77B9CAB6-E1E3-4A1F-A4B2-358D255C318D}" destId="{A955F49D-19BD-446B-80FA-C4EDA916B396}" srcOrd="1" destOrd="0" presId="urn:microsoft.com/office/officeart/2005/8/layout/orgChart1"/>
    <dgm:cxn modelId="{978DFEC6-B505-41D5-B8C5-AB151ECD95A8}" type="presParOf" srcId="{31B8A124-9959-4C16-8C14-6B211A87C5AF}" destId="{FEF8C990-D575-480E-843A-E380F3A15363}" srcOrd="1" destOrd="0" presId="urn:microsoft.com/office/officeart/2005/8/layout/orgChart1"/>
    <dgm:cxn modelId="{720F8D13-511A-46F3-ACFE-4351BBD2A287}" type="presParOf" srcId="{31B8A124-9959-4C16-8C14-6B211A87C5AF}" destId="{A039753E-C215-4C6B-8438-53EB5E0B58B9}" srcOrd="2" destOrd="0" presId="urn:microsoft.com/office/officeart/2005/8/layout/orgChart1"/>
    <dgm:cxn modelId="{A98710E8-8E21-44D7-AA79-9914A1261CEC}" type="presParOf" srcId="{879FE8C2-0BE0-459B-92EF-3644DFE9E3A3}" destId="{CF021E55-8765-4CB7-B416-F4E95C4181DF}" srcOrd="4" destOrd="0" presId="urn:microsoft.com/office/officeart/2005/8/layout/orgChart1"/>
    <dgm:cxn modelId="{CB4BADD2-E207-4321-AB98-E4DC0E7EBC74}" type="presParOf" srcId="{879FE8C2-0BE0-459B-92EF-3644DFE9E3A3}" destId="{32BA8CB4-6443-453C-BA2A-C14E956DC773}" srcOrd="5" destOrd="0" presId="urn:microsoft.com/office/officeart/2005/8/layout/orgChart1"/>
    <dgm:cxn modelId="{F29E435A-D047-4C1B-B09B-2645C4C8470B}" type="presParOf" srcId="{32BA8CB4-6443-453C-BA2A-C14E956DC773}" destId="{91BF89B4-00AF-4BD1-BCF9-29E0A8091515}" srcOrd="0" destOrd="0" presId="urn:microsoft.com/office/officeart/2005/8/layout/orgChart1"/>
    <dgm:cxn modelId="{C524B99F-F665-4B19-9615-CEC73C622A49}" type="presParOf" srcId="{91BF89B4-00AF-4BD1-BCF9-29E0A8091515}" destId="{7353C8BB-B2C3-4E05-A49B-9A7D4F522797}" srcOrd="0" destOrd="0" presId="urn:microsoft.com/office/officeart/2005/8/layout/orgChart1"/>
    <dgm:cxn modelId="{81865E75-5836-4155-8C89-39D3071CB13E}" type="presParOf" srcId="{91BF89B4-00AF-4BD1-BCF9-29E0A8091515}" destId="{9C745451-5255-4ECC-8B88-C813BAEB1A11}" srcOrd="1" destOrd="0" presId="urn:microsoft.com/office/officeart/2005/8/layout/orgChart1"/>
    <dgm:cxn modelId="{D6A1207B-AF21-4876-AA0C-FB563AE91A49}" type="presParOf" srcId="{32BA8CB4-6443-453C-BA2A-C14E956DC773}" destId="{F193AF6D-8A18-420C-A5F8-E8905D503542}" srcOrd="1" destOrd="0" presId="urn:microsoft.com/office/officeart/2005/8/layout/orgChart1"/>
    <dgm:cxn modelId="{BC7A489F-F372-4940-9A4A-E21B9293F154}" type="presParOf" srcId="{32BA8CB4-6443-453C-BA2A-C14E956DC773}" destId="{F7B6B758-89FD-4CDC-90FB-5461FE55EA69}" srcOrd="2" destOrd="0" presId="urn:microsoft.com/office/officeart/2005/8/layout/orgChart1"/>
    <dgm:cxn modelId="{20E46D0C-C119-450E-8780-EE13AA35B8C8}" type="presParOf" srcId="{C1C10A0C-9F1A-4F33-BDA0-18B010D33514}" destId="{3C6E96E2-7B7E-4287-907E-5E0C546AD73A}" srcOrd="2" destOrd="0" presId="urn:microsoft.com/office/officeart/2005/8/layout/orgChart1"/>
    <dgm:cxn modelId="{D9D8CB79-E85A-48FC-BC35-B8D95C259A52}" type="presParOf" srcId="{1B6A62B3-D034-43D5-942A-AFBF2EE72B78}" destId="{387A4011-43D2-4172-ADD2-9D9F410616F8}" srcOrd="10" destOrd="0" presId="urn:microsoft.com/office/officeart/2005/8/layout/orgChart1"/>
    <dgm:cxn modelId="{1D7CFDE5-B4F2-42D0-A153-3544B84D8517}" type="presParOf" srcId="{1B6A62B3-D034-43D5-942A-AFBF2EE72B78}" destId="{3CFDE2CB-F2CE-4DD2-8C49-5C88DC03A1F3}" srcOrd="11" destOrd="0" presId="urn:microsoft.com/office/officeart/2005/8/layout/orgChart1"/>
    <dgm:cxn modelId="{B906584D-3E2F-4EC8-B3D2-BA8780920CA1}" type="presParOf" srcId="{3CFDE2CB-F2CE-4DD2-8C49-5C88DC03A1F3}" destId="{0E48754F-A614-460A-9BB5-7E4D7008C9D5}" srcOrd="0" destOrd="0" presId="urn:microsoft.com/office/officeart/2005/8/layout/orgChart1"/>
    <dgm:cxn modelId="{175E4E2B-BFB1-405E-8693-3B33A315754B}" type="presParOf" srcId="{0E48754F-A614-460A-9BB5-7E4D7008C9D5}" destId="{4235E657-C856-45B1-95CC-6A2539F4A182}" srcOrd="0" destOrd="0" presId="urn:microsoft.com/office/officeart/2005/8/layout/orgChart1"/>
    <dgm:cxn modelId="{31BB559B-9E1B-431F-BB52-FB77ECACCF94}" type="presParOf" srcId="{0E48754F-A614-460A-9BB5-7E4D7008C9D5}" destId="{8C26B38D-533F-4B47-BABF-FF3211EDA73C}" srcOrd="1" destOrd="0" presId="urn:microsoft.com/office/officeart/2005/8/layout/orgChart1"/>
    <dgm:cxn modelId="{40854D06-D651-4621-8632-E79463759939}" type="presParOf" srcId="{3CFDE2CB-F2CE-4DD2-8C49-5C88DC03A1F3}" destId="{8B963042-E60B-4FC2-84DB-E83F37BF4581}" srcOrd="1" destOrd="0" presId="urn:microsoft.com/office/officeart/2005/8/layout/orgChart1"/>
    <dgm:cxn modelId="{C630EB0C-571A-4ECA-8FE6-41EB00ACEFF6}" type="presParOf" srcId="{8B963042-E60B-4FC2-84DB-E83F37BF4581}" destId="{51E2FB4B-F434-4E88-A40F-B98088178F11}" srcOrd="0" destOrd="0" presId="urn:microsoft.com/office/officeart/2005/8/layout/orgChart1"/>
    <dgm:cxn modelId="{333A2188-1BE5-4CB0-A17D-4A3B77AABDDC}" type="presParOf" srcId="{8B963042-E60B-4FC2-84DB-E83F37BF4581}" destId="{B84FBEC1-C3EC-4A99-A32B-485C0FCAB00C}" srcOrd="1" destOrd="0" presId="urn:microsoft.com/office/officeart/2005/8/layout/orgChart1"/>
    <dgm:cxn modelId="{557131B9-0AE0-49E9-BE74-F77B5823156A}" type="presParOf" srcId="{B84FBEC1-C3EC-4A99-A32B-485C0FCAB00C}" destId="{71AB00A1-EC6D-406D-8BB8-BA743CB3CDC0}" srcOrd="0" destOrd="0" presId="urn:microsoft.com/office/officeart/2005/8/layout/orgChart1"/>
    <dgm:cxn modelId="{B9E2AD0C-295C-4741-A358-EF82D69E50AA}" type="presParOf" srcId="{71AB00A1-EC6D-406D-8BB8-BA743CB3CDC0}" destId="{3CD6A0CB-B0C9-4078-A19B-C13F2D3C7E91}" srcOrd="0" destOrd="0" presId="urn:microsoft.com/office/officeart/2005/8/layout/orgChart1"/>
    <dgm:cxn modelId="{E153EED6-111F-4253-8742-E9C0356706AA}" type="presParOf" srcId="{71AB00A1-EC6D-406D-8BB8-BA743CB3CDC0}" destId="{8E658742-1048-435A-8301-3839C6BC2B2D}" srcOrd="1" destOrd="0" presId="urn:microsoft.com/office/officeart/2005/8/layout/orgChart1"/>
    <dgm:cxn modelId="{5301A20D-BEBE-460E-A108-0BBEEE4ED067}" type="presParOf" srcId="{B84FBEC1-C3EC-4A99-A32B-485C0FCAB00C}" destId="{4BFF504E-027F-44EA-9677-5B144B58639F}" srcOrd="1" destOrd="0" presId="urn:microsoft.com/office/officeart/2005/8/layout/orgChart1"/>
    <dgm:cxn modelId="{A786A770-229B-4EC8-8AC5-B8C6C18B1FA0}" type="presParOf" srcId="{B84FBEC1-C3EC-4A99-A32B-485C0FCAB00C}" destId="{F12DBD49-C3AF-4710-9F2F-40DB5C26B70D}" srcOrd="2" destOrd="0" presId="urn:microsoft.com/office/officeart/2005/8/layout/orgChart1"/>
    <dgm:cxn modelId="{09098DA1-B614-4B06-A045-CCD2FA8622C8}" type="presParOf" srcId="{8B963042-E60B-4FC2-84DB-E83F37BF4581}" destId="{25501E05-7E4C-42CC-B66D-71CF136F0EDC}" srcOrd="2" destOrd="0" presId="urn:microsoft.com/office/officeart/2005/8/layout/orgChart1"/>
    <dgm:cxn modelId="{A3CB97E3-E7C0-43B9-9024-16437F9DC46C}" type="presParOf" srcId="{8B963042-E60B-4FC2-84DB-E83F37BF4581}" destId="{E4846A93-94B5-4C76-918E-8E43CDDD62D2}" srcOrd="3" destOrd="0" presId="urn:microsoft.com/office/officeart/2005/8/layout/orgChart1"/>
    <dgm:cxn modelId="{C1260393-A97B-4F83-9B6B-14E85582EE97}" type="presParOf" srcId="{E4846A93-94B5-4C76-918E-8E43CDDD62D2}" destId="{EACD2E41-E3A4-4F51-B07E-8E87D448881E}" srcOrd="0" destOrd="0" presId="urn:microsoft.com/office/officeart/2005/8/layout/orgChart1"/>
    <dgm:cxn modelId="{167D9976-6BA7-4DF6-A5A3-EAB66DD838A2}" type="presParOf" srcId="{EACD2E41-E3A4-4F51-B07E-8E87D448881E}" destId="{F4D073D3-48E3-41EF-B9B8-C4E882766916}" srcOrd="0" destOrd="0" presId="urn:microsoft.com/office/officeart/2005/8/layout/orgChart1"/>
    <dgm:cxn modelId="{477E9F48-D21A-4577-B8F8-D049275F1468}" type="presParOf" srcId="{EACD2E41-E3A4-4F51-B07E-8E87D448881E}" destId="{D653EC46-8B14-4B0B-A11B-D915A18C4167}" srcOrd="1" destOrd="0" presId="urn:microsoft.com/office/officeart/2005/8/layout/orgChart1"/>
    <dgm:cxn modelId="{D70CBA70-F97C-4E47-AFED-D255C2F8DB64}" type="presParOf" srcId="{E4846A93-94B5-4C76-918E-8E43CDDD62D2}" destId="{B4F15C7B-006E-44F1-BFAC-88317F08B159}" srcOrd="1" destOrd="0" presId="urn:microsoft.com/office/officeart/2005/8/layout/orgChart1"/>
    <dgm:cxn modelId="{2F8D812C-1D3A-4686-966B-8D05D2B9819F}" type="presParOf" srcId="{E4846A93-94B5-4C76-918E-8E43CDDD62D2}" destId="{816C7BF9-8AF2-413D-AF76-58CFFFFFF5AC}" srcOrd="2" destOrd="0" presId="urn:microsoft.com/office/officeart/2005/8/layout/orgChart1"/>
    <dgm:cxn modelId="{759BBB4E-6E3F-4108-BE70-676AE2B3A71D}" type="presParOf" srcId="{8B963042-E60B-4FC2-84DB-E83F37BF4581}" destId="{E1913F09-2FFC-4504-9C02-EEC17AD15760}" srcOrd="4" destOrd="0" presId="urn:microsoft.com/office/officeart/2005/8/layout/orgChart1"/>
    <dgm:cxn modelId="{84BF978E-74C6-4EA0-9F81-5E26A9923C61}" type="presParOf" srcId="{8B963042-E60B-4FC2-84DB-E83F37BF4581}" destId="{33DF59D8-820C-4759-B2CD-3FE61F4E052C}" srcOrd="5" destOrd="0" presId="urn:microsoft.com/office/officeart/2005/8/layout/orgChart1"/>
    <dgm:cxn modelId="{472C2BA7-7143-44E8-ADC8-3D6B7867AD60}" type="presParOf" srcId="{33DF59D8-820C-4759-B2CD-3FE61F4E052C}" destId="{471FF28D-58D9-4BA7-B755-E0EF86DAE70B}" srcOrd="0" destOrd="0" presId="urn:microsoft.com/office/officeart/2005/8/layout/orgChart1"/>
    <dgm:cxn modelId="{E3DA5734-C734-4397-ABB8-3FB9CE92133E}" type="presParOf" srcId="{471FF28D-58D9-4BA7-B755-E0EF86DAE70B}" destId="{F166B833-C6AB-4553-A7A6-CBD7D8A2506A}" srcOrd="0" destOrd="0" presId="urn:microsoft.com/office/officeart/2005/8/layout/orgChart1"/>
    <dgm:cxn modelId="{9C9E2F52-7FD9-4FF7-8C84-F17F1301AB18}" type="presParOf" srcId="{471FF28D-58D9-4BA7-B755-E0EF86DAE70B}" destId="{A5D60626-BBE6-43A8-BF44-65FDA0CC8496}" srcOrd="1" destOrd="0" presId="urn:microsoft.com/office/officeart/2005/8/layout/orgChart1"/>
    <dgm:cxn modelId="{C795BE39-3A78-4F35-AAB4-0E0ADFA3A90F}" type="presParOf" srcId="{33DF59D8-820C-4759-B2CD-3FE61F4E052C}" destId="{76A5CC54-5342-4721-8EF0-65245A873FC3}" srcOrd="1" destOrd="0" presId="urn:microsoft.com/office/officeart/2005/8/layout/orgChart1"/>
    <dgm:cxn modelId="{D2EF32D3-3E83-4996-9B51-479E8F11A188}" type="presParOf" srcId="{33DF59D8-820C-4759-B2CD-3FE61F4E052C}" destId="{377DD29E-997F-4BF4-BF7C-247F19BD697B}" srcOrd="2" destOrd="0" presId="urn:microsoft.com/office/officeart/2005/8/layout/orgChart1"/>
    <dgm:cxn modelId="{382FF042-5FE8-401C-88BB-BA233AF23F95}" type="presParOf" srcId="{8B963042-E60B-4FC2-84DB-E83F37BF4581}" destId="{351A5887-94D7-4773-AC9E-6307EFD26D13}" srcOrd="6" destOrd="0" presId="urn:microsoft.com/office/officeart/2005/8/layout/orgChart1"/>
    <dgm:cxn modelId="{17BDB4F1-A032-45AA-8266-2EFE5404D4D8}" type="presParOf" srcId="{8B963042-E60B-4FC2-84DB-E83F37BF4581}" destId="{DFBD6C2C-8FA6-4A5A-89D9-941A93516717}" srcOrd="7" destOrd="0" presId="urn:microsoft.com/office/officeart/2005/8/layout/orgChart1"/>
    <dgm:cxn modelId="{52254AEF-C75A-430E-B68C-DD5ACA47A9B6}" type="presParOf" srcId="{DFBD6C2C-8FA6-4A5A-89D9-941A93516717}" destId="{20542542-7FC5-4117-928C-EFD557AE078B}" srcOrd="0" destOrd="0" presId="urn:microsoft.com/office/officeart/2005/8/layout/orgChart1"/>
    <dgm:cxn modelId="{2E3AC8D9-45E8-413E-88A2-6FF2662DCFA6}" type="presParOf" srcId="{20542542-7FC5-4117-928C-EFD557AE078B}" destId="{388775F6-4231-472F-8642-3570DA63B421}" srcOrd="0" destOrd="0" presId="urn:microsoft.com/office/officeart/2005/8/layout/orgChart1"/>
    <dgm:cxn modelId="{A529613E-D4B1-4337-A77E-F11053F712E3}" type="presParOf" srcId="{20542542-7FC5-4117-928C-EFD557AE078B}" destId="{C8719CE4-C5AA-43C0-99A4-5D1A99EF17AC}" srcOrd="1" destOrd="0" presId="urn:microsoft.com/office/officeart/2005/8/layout/orgChart1"/>
    <dgm:cxn modelId="{2BAFBE08-AAE9-47CE-BDEC-83E5054B7849}" type="presParOf" srcId="{DFBD6C2C-8FA6-4A5A-89D9-941A93516717}" destId="{079B0D01-E6C0-4F48-BA36-49AC92984638}" srcOrd="1" destOrd="0" presId="urn:microsoft.com/office/officeart/2005/8/layout/orgChart1"/>
    <dgm:cxn modelId="{26E9D83F-6B34-48B8-A884-5F7CF0771E79}" type="presParOf" srcId="{DFBD6C2C-8FA6-4A5A-89D9-941A93516717}" destId="{19A71FEB-538B-4152-8A73-65E818A1CA34}" srcOrd="2" destOrd="0" presId="urn:microsoft.com/office/officeart/2005/8/layout/orgChart1"/>
    <dgm:cxn modelId="{8064E556-2D8D-40E8-97F5-5DDC906E7D0C}" type="presParOf" srcId="{3CFDE2CB-F2CE-4DD2-8C49-5C88DC03A1F3}" destId="{15557989-3D3A-4B5C-886C-8AFD0853C014}" srcOrd="2" destOrd="0" presId="urn:microsoft.com/office/officeart/2005/8/layout/orgChart1"/>
    <dgm:cxn modelId="{14C4690E-2196-4903-8156-CF941D1F80EF}" type="presParOf" srcId="{4153E196-9B25-4666-8AA4-43B6C0F78206}" destId="{8A8B5992-07B8-499C-ABA6-CFE15D545B7E}" srcOrd="2" destOrd="0" presId="urn:microsoft.com/office/officeart/2005/8/layout/orgChart1"/>
  </dgm:cxnLst>
  <dgm:bg>
    <a:noFill/>
  </dgm:bg>
  <dgm:whole/>
  <dgm:extLst>
    <a:ext uri="http://schemas.microsoft.com/office/drawing/2008/diagram">
      <dsp:dataModelExt xmlns:dsp="http://schemas.microsoft.com/office/drawing/2008/diagram" relId="rId111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FDD16752-FC69-49DE-B99F-FEA15E984002}" type="doc">
      <dgm:prSet loTypeId="urn:microsoft.com/office/officeart/2005/8/layout/orgChart1" loCatId="hierarchy" qsTypeId="urn:microsoft.com/office/officeart/2005/8/quickstyle/simple1" qsCatId="simple" csTypeId="urn:microsoft.com/office/officeart/2005/8/colors/accent6_1" csCatId="accent6" phldr="1"/>
      <dgm:spPr/>
      <dgm:t>
        <a:bodyPr/>
        <a:lstStyle/>
        <a:p>
          <a:endParaRPr lang="en-US"/>
        </a:p>
      </dgm:t>
    </dgm:pt>
    <dgm:pt modelId="{627A9606-B56A-4AD7-AD20-7CBDFF5D3315}">
      <dgm:prSet phldrT="[Text]" custT="1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sz="1600" b="1" dirty="0">
              <a:solidFill>
                <a:schemeClr val="bg1"/>
              </a:solidFill>
            </a:rPr>
            <a:t>System implementation</a:t>
          </a:r>
          <a:endParaRPr lang="en-US" sz="1600" b="1" dirty="0">
            <a:solidFill>
              <a:schemeClr val="bg1"/>
            </a:solidFill>
          </a:endParaRPr>
        </a:p>
      </dgm:t>
    </dgm:pt>
    <dgm:pt modelId="{584BFB11-C583-4EB9-B113-2E218BC2D047}" type="parTrans" cxnId="{20A434E8-DD78-47C4-ADB2-51BB77DA2AA9}">
      <dgm:prSet/>
      <dgm:spPr/>
      <dgm:t>
        <a:bodyPr/>
        <a:lstStyle/>
        <a:p>
          <a:endParaRPr lang="en-US"/>
        </a:p>
      </dgm:t>
    </dgm:pt>
    <dgm:pt modelId="{9EFC399C-0071-4802-8E6D-8E7E7ED9A1BC}" type="sibTrans" cxnId="{20A434E8-DD78-47C4-ADB2-51BB77DA2AA9}">
      <dgm:prSet/>
      <dgm:spPr/>
      <dgm:t>
        <a:bodyPr/>
        <a:lstStyle/>
        <a:p>
          <a:endParaRPr lang="en-US"/>
        </a:p>
      </dgm:t>
    </dgm:pt>
    <dgm:pt modelId="{62969DE7-A030-43A7-ACFE-A2A07FD4C414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Project initiation</a:t>
          </a:r>
          <a:endParaRPr lang="en-US" b="1" dirty="0">
            <a:solidFill>
              <a:schemeClr val="bg1"/>
            </a:solidFill>
          </a:endParaRPr>
        </a:p>
      </dgm:t>
    </dgm:pt>
    <dgm:pt modelId="{54EAE3EA-6F57-4324-82BB-2079E177A7E8}" type="parTrans" cxnId="{A176E5AB-3BAC-40AE-821D-62CF0AC3B630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A2508F57-B214-4BFB-800F-8DB56D33E77C}" type="sibTrans" cxnId="{A176E5AB-3BAC-40AE-821D-62CF0AC3B630}">
      <dgm:prSet/>
      <dgm:spPr/>
      <dgm:t>
        <a:bodyPr/>
        <a:lstStyle/>
        <a:p>
          <a:endParaRPr lang="en-US"/>
        </a:p>
      </dgm:t>
    </dgm:pt>
    <dgm:pt modelId="{D44F963F-C5BE-4B4E-8D6C-D5E7A39A441C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Project planning</a:t>
          </a:r>
          <a:endParaRPr lang="en-US" b="1" dirty="0">
            <a:solidFill>
              <a:schemeClr val="bg1"/>
            </a:solidFill>
          </a:endParaRPr>
        </a:p>
      </dgm:t>
    </dgm:pt>
    <dgm:pt modelId="{DA6E9733-A889-4D33-B381-0E520E9823E9}" type="parTrans" cxnId="{4D2D0DE8-3927-428C-8817-37B49A8F1871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FFB3DB35-E261-49A1-BB7E-985BD94DFCED}" type="sibTrans" cxnId="{4D2D0DE8-3927-428C-8817-37B49A8F1871}">
      <dgm:prSet/>
      <dgm:spPr/>
      <dgm:t>
        <a:bodyPr/>
        <a:lstStyle/>
        <a:p>
          <a:endParaRPr lang="en-US"/>
        </a:p>
      </dgm:t>
    </dgm:pt>
    <dgm:pt modelId="{32807BD1-3D67-4D05-A0AD-CEC6DDC7EA75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Design</a:t>
          </a:r>
          <a:endParaRPr lang="en-US" b="1" dirty="0">
            <a:solidFill>
              <a:schemeClr val="bg1"/>
            </a:solidFill>
          </a:endParaRPr>
        </a:p>
      </dgm:t>
    </dgm:pt>
    <dgm:pt modelId="{0AF61A29-BD08-43C7-8844-78243E311375}" type="parTrans" cxnId="{BA5B32B3-81D3-4FCE-A8A5-89BDA4DBD80E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A27FA187-6C2C-4396-A068-20B308B8A213}" type="sibTrans" cxnId="{BA5B32B3-81D3-4FCE-A8A5-89BDA4DBD80E}">
      <dgm:prSet/>
      <dgm:spPr/>
      <dgm:t>
        <a:bodyPr/>
        <a:lstStyle/>
        <a:p>
          <a:endParaRPr lang="en-US"/>
        </a:p>
      </dgm:t>
    </dgm:pt>
    <dgm:pt modelId="{02F9A00E-B2FF-4897-B5E2-B11835D989D2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Development</a:t>
          </a:r>
          <a:endParaRPr lang="en-US" b="1" dirty="0">
            <a:solidFill>
              <a:schemeClr val="bg1"/>
            </a:solidFill>
          </a:endParaRPr>
        </a:p>
      </dgm:t>
    </dgm:pt>
    <dgm:pt modelId="{18740B3C-69AA-47BD-9586-287FB9E52AF1}" type="parTrans" cxnId="{226F0D90-B973-4B4B-8BBF-0FD4BFDD2C14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5DA0123D-4B41-4068-9979-BE8C6D217AFA}" type="sibTrans" cxnId="{226F0D90-B973-4B4B-8BBF-0FD4BFDD2C14}">
      <dgm:prSet/>
      <dgm:spPr/>
      <dgm:t>
        <a:bodyPr/>
        <a:lstStyle/>
        <a:p>
          <a:endParaRPr lang="en-US"/>
        </a:p>
      </dgm:t>
    </dgm:pt>
    <dgm:pt modelId="{AE40EDD5-D231-4EB2-BF55-A1D96195B796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Testing</a:t>
          </a:r>
          <a:endParaRPr lang="en-US" b="1" dirty="0">
            <a:solidFill>
              <a:schemeClr val="bg1"/>
            </a:solidFill>
          </a:endParaRPr>
        </a:p>
      </dgm:t>
    </dgm:pt>
    <dgm:pt modelId="{00E88D35-608D-4D2B-9385-50BC56688ECC}" type="parTrans" cxnId="{C31504E1-75AA-4657-B72B-CBDBB193C294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A60222F9-9BB4-414E-8435-3A547CC36F86}" type="sibTrans" cxnId="{C31504E1-75AA-4657-B72B-CBDBB193C294}">
      <dgm:prSet/>
      <dgm:spPr/>
      <dgm:t>
        <a:bodyPr/>
        <a:lstStyle/>
        <a:p>
          <a:endParaRPr lang="en-US"/>
        </a:p>
      </dgm:t>
    </dgm:pt>
    <dgm:pt modelId="{F8834707-F5B3-4E57-A0A4-D7DCD37AFBB4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Installation</a:t>
          </a:r>
          <a:endParaRPr lang="en-US" b="1" dirty="0">
            <a:solidFill>
              <a:schemeClr val="bg1"/>
            </a:solidFill>
          </a:endParaRPr>
        </a:p>
      </dgm:t>
    </dgm:pt>
    <dgm:pt modelId="{06B4FE12-4DEE-40CC-8902-F7C91077FBD4}" type="parTrans" cxnId="{FE795687-E110-4215-A273-269E993CC887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DF670039-6F64-42B3-9872-F30A6AAF9E4E}" type="sibTrans" cxnId="{FE795687-E110-4215-A273-269E993CC887}">
      <dgm:prSet/>
      <dgm:spPr/>
      <dgm:t>
        <a:bodyPr/>
        <a:lstStyle/>
        <a:p>
          <a:endParaRPr lang="en-US"/>
        </a:p>
      </dgm:t>
    </dgm:pt>
    <dgm:pt modelId="{5587B9DE-C795-4A80-86B6-435D8F54CE9B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Develop charter</a:t>
          </a:r>
          <a:endParaRPr lang="en-US" b="1" dirty="0">
            <a:solidFill>
              <a:schemeClr val="bg1"/>
            </a:solidFill>
          </a:endParaRPr>
        </a:p>
      </dgm:t>
    </dgm:pt>
    <dgm:pt modelId="{37B6175F-547D-4041-A525-C441A070EE48}" type="parTrans" cxnId="{BDADE569-E864-4130-8E07-6E0D6601BE2D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6DEC35B5-3111-42E1-9CBF-7722EB21030F}" type="sibTrans" cxnId="{BDADE569-E864-4130-8E07-6E0D6601BE2D}">
      <dgm:prSet/>
      <dgm:spPr/>
      <dgm:t>
        <a:bodyPr/>
        <a:lstStyle/>
        <a:p>
          <a:endParaRPr lang="en-US"/>
        </a:p>
      </dgm:t>
    </dgm:pt>
    <dgm:pt modelId="{A4B17644-F1D5-4201-A69F-C720C5DF8197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Response to RFP</a:t>
          </a:r>
          <a:endParaRPr lang="en-US" b="1" dirty="0">
            <a:solidFill>
              <a:schemeClr val="bg1"/>
            </a:solidFill>
          </a:endParaRPr>
        </a:p>
      </dgm:t>
    </dgm:pt>
    <dgm:pt modelId="{AA38CDD1-6683-4681-B5CF-15AA27F73127}" type="parTrans" cxnId="{E4520277-17D7-4AD2-A8F5-E8B587E9E57E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D89E5B50-D612-4393-B0C6-38484B436ECA}" type="sibTrans" cxnId="{E4520277-17D7-4AD2-A8F5-E8B587E9E57E}">
      <dgm:prSet/>
      <dgm:spPr/>
      <dgm:t>
        <a:bodyPr/>
        <a:lstStyle/>
        <a:p>
          <a:endParaRPr lang="en-US"/>
        </a:p>
      </dgm:t>
    </dgm:pt>
    <dgm:pt modelId="{7529CFDB-2376-48FD-89D3-61436BD055DD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Define scope</a:t>
          </a:r>
          <a:endParaRPr lang="en-US" b="1" dirty="0">
            <a:solidFill>
              <a:schemeClr val="bg1"/>
            </a:solidFill>
          </a:endParaRPr>
        </a:p>
      </dgm:t>
    </dgm:pt>
    <dgm:pt modelId="{721DA2E0-E1DE-4D07-8F24-0B5AE5A561C7}" type="parTrans" cxnId="{8A4E2754-D411-4917-A46E-CFA2CAF0147D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3622AE09-D754-49F7-8C77-88AA39EBE17F}" type="sibTrans" cxnId="{8A4E2754-D411-4917-A46E-CFA2CAF0147D}">
      <dgm:prSet/>
      <dgm:spPr/>
      <dgm:t>
        <a:bodyPr/>
        <a:lstStyle/>
        <a:p>
          <a:endParaRPr lang="en-US"/>
        </a:p>
      </dgm:t>
    </dgm:pt>
    <dgm:pt modelId="{CF91DAAC-0D46-4CAA-9B2E-CD12EACFB69D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Statement</a:t>
          </a:r>
          <a:endParaRPr lang="en-US" b="1" dirty="0">
            <a:solidFill>
              <a:schemeClr val="bg1"/>
            </a:solidFill>
          </a:endParaRPr>
        </a:p>
      </dgm:t>
    </dgm:pt>
    <dgm:pt modelId="{6039E104-5135-4CD0-AA03-AC3FFE08A1B9}" type="parTrans" cxnId="{77D4369D-A339-4DC9-A1C0-B82D81D878AA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A34F210C-7D03-4F58-BA0B-8E9315D9E480}" type="sibTrans" cxnId="{77D4369D-A339-4DC9-A1C0-B82D81D878AA}">
      <dgm:prSet/>
      <dgm:spPr/>
      <dgm:t>
        <a:bodyPr/>
        <a:lstStyle/>
        <a:p>
          <a:endParaRPr lang="en-US"/>
        </a:p>
      </dgm:t>
    </dgm:pt>
    <dgm:pt modelId="{77F07092-F83D-48C4-9923-594B37AA20C9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Establish team</a:t>
          </a:r>
          <a:endParaRPr lang="en-US" b="1" dirty="0">
            <a:solidFill>
              <a:schemeClr val="bg1"/>
            </a:solidFill>
          </a:endParaRPr>
        </a:p>
      </dgm:t>
    </dgm:pt>
    <dgm:pt modelId="{D5EF4C0C-FD7A-475A-8CBD-1D0B6BCE61EF}" type="parTrans" cxnId="{CBD42F65-B64A-430C-9D91-E64E2B3BB4AD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01C540F3-0DD7-4666-9C8C-B1D3022C3FD8}" type="sibTrans" cxnId="{CBD42F65-B64A-430C-9D91-E64E2B3BB4AD}">
      <dgm:prSet/>
      <dgm:spPr/>
      <dgm:t>
        <a:bodyPr/>
        <a:lstStyle/>
        <a:p>
          <a:endParaRPr lang="en-US"/>
        </a:p>
      </dgm:t>
    </dgm:pt>
    <dgm:pt modelId="{7DEC30F0-9195-4C65-B305-D408FBC3160C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Identify tasks</a:t>
          </a:r>
          <a:endParaRPr lang="en-US" b="1" dirty="0">
            <a:solidFill>
              <a:schemeClr val="bg1"/>
            </a:solidFill>
          </a:endParaRPr>
        </a:p>
      </dgm:t>
    </dgm:pt>
    <dgm:pt modelId="{E428CDAD-0B4B-41F9-A58A-DEA7DD6044F2}" type="parTrans" cxnId="{CBF1811E-BA7E-4DB7-A074-01769E8C36A2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C39ACB80-0307-4E83-BB0F-350DBA53037E}" type="sibTrans" cxnId="{CBF1811E-BA7E-4DB7-A074-01769E8C36A2}">
      <dgm:prSet/>
      <dgm:spPr/>
      <dgm:t>
        <a:bodyPr/>
        <a:lstStyle/>
        <a:p>
          <a:endParaRPr lang="en-US"/>
        </a:p>
      </dgm:t>
    </dgm:pt>
    <dgm:pt modelId="{C68300C9-B1F0-404E-8AD3-B2C8EFCAE7B1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Devel</a:t>
          </a:r>
          <a:r>
            <a:rPr lang="en-US" b="1" dirty="0">
              <a:solidFill>
                <a:schemeClr val="bg1"/>
              </a:solidFill>
            </a:rPr>
            <a:t>o</a:t>
          </a:r>
          <a:r>
            <a:rPr lang="ro-RO" b="1" dirty="0">
              <a:solidFill>
                <a:schemeClr val="bg1"/>
              </a:solidFill>
            </a:rPr>
            <a:t>p WBS</a:t>
          </a:r>
          <a:endParaRPr lang="en-US" b="1" dirty="0">
            <a:solidFill>
              <a:schemeClr val="bg1"/>
            </a:solidFill>
          </a:endParaRPr>
        </a:p>
      </dgm:t>
    </dgm:pt>
    <dgm:pt modelId="{A15F1230-DB54-4D09-B127-BF2C4CE2E87A}" type="parTrans" cxnId="{514CCA13-F549-492C-B61C-196130C40621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0C5EC6EA-9AF7-4B5E-AB40-4C38D335986A}" type="sibTrans" cxnId="{514CCA13-F549-492C-B61C-196130C40621}">
      <dgm:prSet/>
      <dgm:spPr/>
      <dgm:t>
        <a:bodyPr/>
        <a:lstStyle/>
        <a:p>
          <a:endParaRPr lang="en-US"/>
        </a:p>
      </dgm:t>
    </dgm:pt>
    <dgm:pt modelId="{2370AA98-14BD-4B36-93C1-F61FBF478204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Requirement discovery</a:t>
          </a:r>
          <a:endParaRPr lang="en-US" b="1" dirty="0">
            <a:solidFill>
              <a:schemeClr val="bg1"/>
            </a:solidFill>
          </a:endParaRPr>
        </a:p>
      </dgm:t>
    </dgm:pt>
    <dgm:pt modelId="{C045B89A-C3EC-40D2-B0C0-026257D2EB65}" type="parTrans" cxnId="{A8D3ADCB-61B2-4A1B-AFE9-AFD2B5FE8722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122F9002-9114-458E-891C-513D8F3F7E45}" type="sibTrans" cxnId="{A8D3ADCB-61B2-4A1B-AFE9-AFD2B5FE8722}">
      <dgm:prSet/>
      <dgm:spPr/>
      <dgm:t>
        <a:bodyPr/>
        <a:lstStyle/>
        <a:p>
          <a:endParaRPr lang="en-US"/>
        </a:p>
      </dgm:t>
    </dgm:pt>
    <dgm:pt modelId="{DCB4C7FB-A33F-4F32-880B-093CCD19B74B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ro-RO" b="1" dirty="0">
              <a:solidFill>
                <a:schemeClr val="bg1"/>
              </a:solidFill>
            </a:rPr>
            <a:t>Requirement analysis</a:t>
          </a:r>
          <a:endParaRPr lang="en-US" b="1" dirty="0">
            <a:solidFill>
              <a:schemeClr val="bg1"/>
            </a:solidFill>
          </a:endParaRPr>
        </a:p>
      </dgm:t>
    </dgm:pt>
    <dgm:pt modelId="{1B346850-A5B2-4A6B-9673-45A10A3C583C}" type="parTrans" cxnId="{7F3ACD75-A493-446C-BE57-E4B9E1E8C0B4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0EDD9C75-11CE-4A34-8086-94FB62975AC5}" type="sibTrans" cxnId="{7F3ACD75-A493-446C-BE57-E4B9E1E8C0B4}">
      <dgm:prSet/>
      <dgm:spPr/>
      <dgm:t>
        <a:bodyPr/>
        <a:lstStyle/>
        <a:p>
          <a:endParaRPr lang="en-US"/>
        </a:p>
      </dgm:t>
    </dgm:pt>
    <dgm:pt modelId="{1D8539E8-588C-4362-8FAB-27B71C403ECE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Prototyping 1</a:t>
          </a:r>
        </a:p>
      </dgm:t>
    </dgm:pt>
    <dgm:pt modelId="{6C983697-387D-4C27-B61F-0515C7211E04}" type="parTrans" cxnId="{A0676176-D0DF-468A-BFF1-501F4D7CAA61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13E8CFD0-55E9-430E-AFF7-60772DA7A89A}" type="sibTrans" cxnId="{A0676176-D0DF-468A-BFF1-501F4D7CAA61}">
      <dgm:prSet/>
      <dgm:spPr/>
      <dgm:t>
        <a:bodyPr/>
        <a:lstStyle/>
        <a:p>
          <a:endParaRPr lang="en-US"/>
        </a:p>
      </dgm:t>
    </dgm:pt>
    <dgm:pt modelId="{34E69D6D-350F-4E11-8F09-E2C952375FA0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Coding</a:t>
          </a:r>
        </a:p>
      </dgm:t>
    </dgm:pt>
    <dgm:pt modelId="{1BEEA89E-DA15-437F-B84A-E8352511246D}" type="parTrans" cxnId="{CD9513EF-B5C4-4A2E-881F-DD985A183BEE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42BE6BF9-0147-41FC-9F46-287F25D1EAC2}" type="sibTrans" cxnId="{CD9513EF-B5C4-4A2E-881F-DD985A183BEE}">
      <dgm:prSet/>
      <dgm:spPr/>
      <dgm:t>
        <a:bodyPr/>
        <a:lstStyle/>
        <a:p>
          <a:endParaRPr lang="en-US"/>
        </a:p>
      </dgm:t>
    </dgm:pt>
    <dgm:pt modelId="{80ADFD80-7BB9-45CF-8545-63474BC004F7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Debugging</a:t>
          </a:r>
        </a:p>
      </dgm:t>
    </dgm:pt>
    <dgm:pt modelId="{BFF621A8-39DA-46E5-B6F2-FB9CBDA16F19}" type="parTrans" cxnId="{E40C1D2F-270A-469D-B43A-BD25561DDA99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D5C8CB52-A0ED-4B6C-B2A0-E96E418C1611}" type="sibTrans" cxnId="{E40C1D2F-270A-469D-B43A-BD25561DDA99}">
      <dgm:prSet/>
      <dgm:spPr/>
      <dgm:t>
        <a:bodyPr/>
        <a:lstStyle/>
        <a:p>
          <a:endParaRPr lang="en-US"/>
        </a:p>
      </dgm:t>
    </dgm:pt>
    <dgm:pt modelId="{F4F0FE2B-DD5A-4B64-A7C4-FD08D931BB13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Documentation</a:t>
          </a:r>
        </a:p>
      </dgm:t>
    </dgm:pt>
    <dgm:pt modelId="{65164CED-4564-46F8-B7F3-6253933C926A}" type="parTrans" cxnId="{CCEB73E5-9A2D-4933-9E33-03C3D10C86AB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F9AE9EF9-EDC7-4933-8A45-2741781DBAD8}" type="sibTrans" cxnId="{CCEB73E5-9A2D-4933-9E33-03C3D10C86AB}">
      <dgm:prSet/>
      <dgm:spPr/>
      <dgm:t>
        <a:bodyPr/>
        <a:lstStyle/>
        <a:p>
          <a:endParaRPr lang="en-US"/>
        </a:p>
      </dgm:t>
    </dgm:pt>
    <dgm:pt modelId="{B6E3DB59-7FEE-4BE6-BD44-D4CC8F9DEA06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Test system</a:t>
          </a:r>
        </a:p>
      </dgm:t>
    </dgm:pt>
    <dgm:pt modelId="{09CF91B0-4A10-424E-BA47-460C346B996D}" type="parTrans" cxnId="{4D39F5D5-42A7-45EA-A6EC-1E1600144216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D04A7AD7-1C62-410F-8F12-BF699A2BE35C}" type="sibTrans" cxnId="{4D39F5D5-42A7-45EA-A6EC-1E1600144216}">
      <dgm:prSet/>
      <dgm:spPr/>
      <dgm:t>
        <a:bodyPr/>
        <a:lstStyle/>
        <a:p>
          <a:endParaRPr lang="en-US"/>
        </a:p>
      </dgm:t>
    </dgm:pt>
    <dgm:pt modelId="{F08F833A-0F50-490C-8E60-4D15B054E76D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Test integration</a:t>
          </a:r>
        </a:p>
      </dgm:t>
    </dgm:pt>
    <dgm:pt modelId="{EE51AA4D-9697-4079-B47B-E9888F0D49F1}" type="parTrans" cxnId="{76AF3522-CDAF-416D-8493-A28659A95EA2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CD22C82D-38D8-4147-8030-F20DE8929D66}" type="sibTrans" cxnId="{76AF3522-CDAF-416D-8493-A28659A95EA2}">
      <dgm:prSet/>
      <dgm:spPr/>
      <dgm:t>
        <a:bodyPr/>
        <a:lstStyle/>
        <a:p>
          <a:endParaRPr lang="en-US"/>
        </a:p>
      </dgm:t>
    </dgm:pt>
    <dgm:pt modelId="{4DD76486-2251-480D-BA41-39CE852D10CB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Usability testing</a:t>
          </a:r>
        </a:p>
      </dgm:t>
    </dgm:pt>
    <dgm:pt modelId="{BE17AF48-793A-40FB-8182-992A291C07EE}" type="parTrans" cxnId="{32E90C46-8AE9-4576-8E34-58E340A10D0E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3438F011-7CE9-407B-96A9-926A90BCBB71}" type="sibTrans" cxnId="{32E90C46-8AE9-4576-8E34-58E340A10D0E}">
      <dgm:prSet/>
      <dgm:spPr/>
      <dgm:t>
        <a:bodyPr/>
        <a:lstStyle/>
        <a:p>
          <a:endParaRPr lang="en-US"/>
        </a:p>
      </dgm:t>
    </dgm:pt>
    <dgm:pt modelId="{BBE4160F-29DD-4BFD-B44D-FAD39C3F05B9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Deployment</a:t>
          </a:r>
        </a:p>
      </dgm:t>
    </dgm:pt>
    <dgm:pt modelId="{5AEBCC29-4B62-45DE-88E9-2CD003D71262}" type="parTrans" cxnId="{29516269-B1D9-4A2B-89E8-AB8E66B03D78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14E00F92-5AF9-45FF-B6EE-61C0328ED690}" type="sibTrans" cxnId="{29516269-B1D9-4A2B-89E8-AB8E66B03D78}">
      <dgm:prSet/>
      <dgm:spPr/>
      <dgm:t>
        <a:bodyPr/>
        <a:lstStyle/>
        <a:p>
          <a:endParaRPr lang="en-US"/>
        </a:p>
      </dgm:t>
    </dgm:pt>
    <dgm:pt modelId="{78974B94-96DB-4D87-92C0-49F49FBF9891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User training</a:t>
          </a:r>
        </a:p>
      </dgm:t>
    </dgm:pt>
    <dgm:pt modelId="{5E11D4E0-528E-43DF-AEF0-312E8E220289}" type="parTrans" cxnId="{AF0B455E-D131-4516-AEE7-84FFCED74E4A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07C17A59-8C5A-496A-9417-448F334C2BC7}" type="sibTrans" cxnId="{AF0B455E-D131-4516-AEE7-84FFCED74E4A}">
      <dgm:prSet/>
      <dgm:spPr/>
      <dgm:t>
        <a:bodyPr/>
        <a:lstStyle/>
        <a:p>
          <a:endParaRPr lang="en-US"/>
        </a:p>
      </dgm:t>
    </dgm:pt>
    <dgm:pt modelId="{71319681-5C92-4887-B0DC-58AE4ED26DB1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Maintenance</a:t>
          </a:r>
        </a:p>
      </dgm:t>
    </dgm:pt>
    <dgm:pt modelId="{7BA0ED38-7925-4F2F-909A-13DEFE2FC4BC}" type="parTrans" cxnId="{1DE51AB3-D197-4ADA-B1E1-C97AE5BE60F0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E379A2DE-91C9-4816-8A3B-8433935E8A39}" type="sibTrans" cxnId="{1DE51AB3-D197-4ADA-B1E1-C97AE5BE60F0}">
      <dgm:prSet/>
      <dgm:spPr/>
      <dgm:t>
        <a:bodyPr/>
        <a:lstStyle/>
        <a:p>
          <a:endParaRPr lang="en-US"/>
        </a:p>
      </dgm:t>
    </dgm:pt>
    <dgm:pt modelId="{5376D4B9-B800-404A-8842-1D5B1A6BE1AC}">
      <dgm:prSet phldrT="[Text]"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r>
            <a:rPr lang="en-US" b="1" dirty="0">
              <a:solidFill>
                <a:schemeClr val="bg1"/>
              </a:solidFill>
            </a:rPr>
            <a:t>Review</a:t>
          </a:r>
        </a:p>
      </dgm:t>
    </dgm:pt>
    <dgm:pt modelId="{BA2B464B-2C55-4595-A675-3C4FF00BCAC7}" type="parTrans" cxnId="{773F8D79-5218-4D0F-B4B8-C9FD76F894A9}">
      <dgm:prSet/>
      <dgm:spPr>
        <a:solidFill>
          <a:srgbClr val="00A560"/>
        </a:solidFill>
        <a:ln>
          <a:solidFill>
            <a:srgbClr val="00A560"/>
          </a:solidFill>
        </a:ln>
      </dgm:spPr>
      <dgm:t>
        <a:bodyPr/>
        <a:lstStyle/>
        <a:p>
          <a:endParaRPr lang="en-US" b="1">
            <a:solidFill>
              <a:schemeClr val="bg1"/>
            </a:solidFill>
          </a:endParaRPr>
        </a:p>
      </dgm:t>
    </dgm:pt>
    <dgm:pt modelId="{0A05433E-A4D6-4997-9EB7-AD3B514AF149}" type="sibTrans" cxnId="{773F8D79-5218-4D0F-B4B8-C9FD76F894A9}">
      <dgm:prSet/>
      <dgm:spPr/>
      <dgm:t>
        <a:bodyPr/>
        <a:lstStyle/>
        <a:p>
          <a:endParaRPr lang="en-US"/>
        </a:p>
      </dgm:t>
    </dgm:pt>
    <dgm:pt modelId="{F11D3A80-31AC-414A-8BB7-0187A03E5432}" type="pres">
      <dgm:prSet presAssocID="{FDD16752-FC69-49DE-B99F-FEA15E984002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4153E196-9B25-4666-8AA4-43B6C0F78206}" type="pres">
      <dgm:prSet presAssocID="{627A9606-B56A-4AD7-AD20-7CBDFF5D3315}" presName="hierRoot1" presStyleCnt="0">
        <dgm:presLayoutVars>
          <dgm:hierBranch val="init"/>
        </dgm:presLayoutVars>
      </dgm:prSet>
      <dgm:spPr/>
    </dgm:pt>
    <dgm:pt modelId="{C4D7BF9C-1D3D-4AD3-8B19-C93B8F9D53FF}" type="pres">
      <dgm:prSet presAssocID="{627A9606-B56A-4AD7-AD20-7CBDFF5D3315}" presName="rootComposite1" presStyleCnt="0"/>
      <dgm:spPr/>
    </dgm:pt>
    <dgm:pt modelId="{DE93D893-03D7-4C06-9427-281031F0590D}" type="pres">
      <dgm:prSet presAssocID="{627A9606-B56A-4AD7-AD20-7CBDFF5D3315}" presName="rootText1" presStyleLbl="node0" presStyleIdx="0" presStyleCnt="1" custScaleX="266798" custScaleY="76806" custLinFactNeighborX="1277" custLinFactNeighborY="243">
        <dgm:presLayoutVars>
          <dgm:chPref val="3"/>
        </dgm:presLayoutVars>
      </dgm:prSet>
      <dgm:spPr/>
    </dgm:pt>
    <dgm:pt modelId="{E7783ECF-0DA6-468C-9E96-6FC491AD223C}" type="pres">
      <dgm:prSet presAssocID="{627A9606-B56A-4AD7-AD20-7CBDFF5D3315}" presName="rootConnector1" presStyleLbl="node1" presStyleIdx="0" presStyleCnt="0"/>
      <dgm:spPr/>
    </dgm:pt>
    <dgm:pt modelId="{1B6A62B3-D034-43D5-942A-AFBF2EE72B78}" type="pres">
      <dgm:prSet presAssocID="{627A9606-B56A-4AD7-AD20-7CBDFF5D3315}" presName="hierChild2" presStyleCnt="0"/>
      <dgm:spPr/>
    </dgm:pt>
    <dgm:pt modelId="{B10BDDB5-89A9-459E-8733-0652A71EE3AF}" type="pres">
      <dgm:prSet presAssocID="{54EAE3EA-6F57-4324-82BB-2079E177A7E8}" presName="Name37" presStyleLbl="parChTrans1D2" presStyleIdx="0" presStyleCnt="6" custSzY="228600"/>
      <dgm:spPr/>
    </dgm:pt>
    <dgm:pt modelId="{A5C5DD4B-F9C2-451C-93B3-D9DD7BF23691}" type="pres">
      <dgm:prSet presAssocID="{62969DE7-A030-43A7-ACFE-A2A07FD4C414}" presName="hierRoot2" presStyleCnt="0">
        <dgm:presLayoutVars>
          <dgm:hierBranch val="init"/>
        </dgm:presLayoutVars>
      </dgm:prSet>
      <dgm:spPr/>
    </dgm:pt>
    <dgm:pt modelId="{6BB91BEF-8DEB-4D16-B8FC-2F5F45C3222F}" type="pres">
      <dgm:prSet presAssocID="{62969DE7-A030-43A7-ACFE-A2A07FD4C414}" presName="rootComposite" presStyleCnt="0"/>
      <dgm:spPr/>
    </dgm:pt>
    <dgm:pt modelId="{7F315924-B694-41DA-8BE3-324691512D72}" type="pres">
      <dgm:prSet presAssocID="{62969DE7-A030-43A7-ACFE-A2A07FD4C414}" presName="rootText" presStyleLbl="node2" presStyleIdx="0" presStyleCnt="6" custScaleX="157454" custScaleY="47547">
        <dgm:presLayoutVars>
          <dgm:chPref val="3"/>
        </dgm:presLayoutVars>
      </dgm:prSet>
      <dgm:spPr/>
    </dgm:pt>
    <dgm:pt modelId="{C653B071-8FFC-4EC1-8EA0-84600DEC5410}" type="pres">
      <dgm:prSet presAssocID="{62969DE7-A030-43A7-ACFE-A2A07FD4C414}" presName="rootConnector" presStyleLbl="node2" presStyleIdx="0" presStyleCnt="6"/>
      <dgm:spPr/>
    </dgm:pt>
    <dgm:pt modelId="{0AF29723-F789-43C1-A658-69E81A9EACC3}" type="pres">
      <dgm:prSet presAssocID="{62969DE7-A030-43A7-ACFE-A2A07FD4C414}" presName="hierChild4" presStyleCnt="0"/>
      <dgm:spPr/>
    </dgm:pt>
    <dgm:pt modelId="{A41FED37-668A-48F0-8678-CBF74E63F0E3}" type="pres">
      <dgm:prSet presAssocID="{37B6175F-547D-4041-A525-C441A070EE48}" presName="Name37" presStyleLbl="parChTrans1D3" presStyleIdx="0" presStyleCnt="20" custSzY="228600"/>
      <dgm:spPr/>
    </dgm:pt>
    <dgm:pt modelId="{D4F55467-24D9-4173-A340-A9DE59CF262F}" type="pres">
      <dgm:prSet presAssocID="{5587B9DE-C795-4A80-86B6-435D8F54CE9B}" presName="hierRoot2" presStyleCnt="0">
        <dgm:presLayoutVars>
          <dgm:hierBranch val="init"/>
        </dgm:presLayoutVars>
      </dgm:prSet>
      <dgm:spPr/>
    </dgm:pt>
    <dgm:pt modelId="{8F07E25C-6ED2-4458-AB0B-43013EE51E34}" type="pres">
      <dgm:prSet presAssocID="{5587B9DE-C795-4A80-86B6-435D8F54CE9B}" presName="rootComposite" presStyleCnt="0"/>
      <dgm:spPr/>
    </dgm:pt>
    <dgm:pt modelId="{435DF1FE-BF18-4B54-9460-7ADB9668D64C}" type="pres">
      <dgm:prSet presAssocID="{5587B9DE-C795-4A80-86B6-435D8F54CE9B}" presName="rootText" presStyleLbl="node3" presStyleIdx="0" presStyleCnt="20" custScaleX="130522" custScaleY="47547">
        <dgm:presLayoutVars>
          <dgm:chPref val="3"/>
        </dgm:presLayoutVars>
      </dgm:prSet>
      <dgm:spPr/>
    </dgm:pt>
    <dgm:pt modelId="{178C102B-8733-444D-9546-A718DA8CDE39}" type="pres">
      <dgm:prSet presAssocID="{5587B9DE-C795-4A80-86B6-435D8F54CE9B}" presName="rootConnector" presStyleLbl="node3" presStyleIdx="0" presStyleCnt="20"/>
      <dgm:spPr/>
    </dgm:pt>
    <dgm:pt modelId="{8C259039-143C-43F8-99D9-B7A72F0505F8}" type="pres">
      <dgm:prSet presAssocID="{5587B9DE-C795-4A80-86B6-435D8F54CE9B}" presName="hierChild4" presStyleCnt="0"/>
      <dgm:spPr/>
    </dgm:pt>
    <dgm:pt modelId="{7125DBD6-6161-4679-9BBC-5036D2F1A7A4}" type="pres">
      <dgm:prSet presAssocID="{5587B9DE-C795-4A80-86B6-435D8F54CE9B}" presName="hierChild5" presStyleCnt="0"/>
      <dgm:spPr/>
    </dgm:pt>
    <dgm:pt modelId="{C76BFEEB-DD88-4847-A17E-72E005057DE0}" type="pres">
      <dgm:prSet presAssocID="{AA38CDD1-6683-4681-B5CF-15AA27F73127}" presName="Name37" presStyleLbl="parChTrans1D3" presStyleIdx="1" presStyleCnt="20" custSzY="228600"/>
      <dgm:spPr/>
    </dgm:pt>
    <dgm:pt modelId="{EF8DB698-4472-401E-A483-6D03C271D22A}" type="pres">
      <dgm:prSet presAssocID="{A4B17644-F1D5-4201-A69F-C720C5DF8197}" presName="hierRoot2" presStyleCnt="0">
        <dgm:presLayoutVars>
          <dgm:hierBranch val="init"/>
        </dgm:presLayoutVars>
      </dgm:prSet>
      <dgm:spPr/>
    </dgm:pt>
    <dgm:pt modelId="{79C4AAAE-E63C-481F-97AC-FDBF0B71AF1A}" type="pres">
      <dgm:prSet presAssocID="{A4B17644-F1D5-4201-A69F-C720C5DF8197}" presName="rootComposite" presStyleCnt="0"/>
      <dgm:spPr/>
    </dgm:pt>
    <dgm:pt modelId="{9697A35B-3FB6-4575-9E65-07D7EE0F581E}" type="pres">
      <dgm:prSet presAssocID="{A4B17644-F1D5-4201-A69F-C720C5DF8197}" presName="rootText" presStyleLbl="node3" presStyleIdx="1" presStyleCnt="20" custScaleX="130522" custScaleY="47547">
        <dgm:presLayoutVars>
          <dgm:chPref val="3"/>
        </dgm:presLayoutVars>
      </dgm:prSet>
      <dgm:spPr/>
    </dgm:pt>
    <dgm:pt modelId="{41DF36CE-DAB8-43B8-809B-3E4A59E3BE9A}" type="pres">
      <dgm:prSet presAssocID="{A4B17644-F1D5-4201-A69F-C720C5DF8197}" presName="rootConnector" presStyleLbl="node3" presStyleIdx="1" presStyleCnt="20"/>
      <dgm:spPr/>
    </dgm:pt>
    <dgm:pt modelId="{57022357-9DB0-4665-B39E-31E465282B9C}" type="pres">
      <dgm:prSet presAssocID="{A4B17644-F1D5-4201-A69F-C720C5DF8197}" presName="hierChild4" presStyleCnt="0"/>
      <dgm:spPr/>
    </dgm:pt>
    <dgm:pt modelId="{96FF413C-A2BE-48AE-AE4E-70DC381E54D0}" type="pres">
      <dgm:prSet presAssocID="{A4B17644-F1D5-4201-A69F-C720C5DF8197}" presName="hierChild5" presStyleCnt="0"/>
      <dgm:spPr/>
    </dgm:pt>
    <dgm:pt modelId="{857D4559-8CE9-48A4-8564-5B458F81AEB4}" type="pres">
      <dgm:prSet presAssocID="{62969DE7-A030-43A7-ACFE-A2A07FD4C414}" presName="hierChild5" presStyleCnt="0"/>
      <dgm:spPr/>
    </dgm:pt>
    <dgm:pt modelId="{DB3E17BF-3604-432F-9E6E-43938F2EE7C9}" type="pres">
      <dgm:prSet presAssocID="{DA6E9733-A889-4D33-B381-0E520E9823E9}" presName="Name37" presStyleLbl="parChTrans1D2" presStyleIdx="1" presStyleCnt="6" custSzY="228600"/>
      <dgm:spPr/>
    </dgm:pt>
    <dgm:pt modelId="{2D811C1F-F03B-44B2-8820-196A768C6399}" type="pres">
      <dgm:prSet presAssocID="{D44F963F-C5BE-4B4E-8D6C-D5E7A39A441C}" presName="hierRoot2" presStyleCnt="0">
        <dgm:presLayoutVars>
          <dgm:hierBranch val="init"/>
        </dgm:presLayoutVars>
      </dgm:prSet>
      <dgm:spPr/>
    </dgm:pt>
    <dgm:pt modelId="{01D2FEB2-4928-48EA-B290-67F06AE951B6}" type="pres">
      <dgm:prSet presAssocID="{D44F963F-C5BE-4B4E-8D6C-D5E7A39A441C}" presName="rootComposite" presStyleCnt="0"/>
      <dgm:spPr/>
    </dgm:pt>
    <dgm:pt modelId="{9CDF24FD-B1BF-42B3-8C23-49FC0B64F7E2}" type="pres">
      <dgm:prSet presAssocID="{D44F963F-C5BE-4B4E-8D6C-D5E7A39A441C}" presName="rootText" presStyleLbl="node2" presStyleIdx="1" presStyleCnt="6" custScaleX="157454" custScaleY="47547">
        <dgm:presLayoutVars>
          <dgm:chPref val="3"/>
        </dgm:presLayoutVars>
      </dgm:prSet>
      <dgm:spPr/>
    </dgm:pt>
    <dgm:pt modelId="{003FFD91-9F94-435A-A119-149B61350B97}" type="pres">
      <dgm:prSet presAssocID="{D44F963F-C5BE-4B4E-8D6C-D5E7A39A441C}" presName="rootConnector" presStyleLbl="node2" presStyleIdx="1" presStyleCnt="6"/>
      <dgm:spPr/>
    </dgm:pt>
    <dgm:pt modelId="{23EB1A76-A2FD-4125-9599-E78DEB957532}" type="pres">
      <dgm:prSet presAssocID="{D44F963F-C5BE-4B4E-8D6C-D5E7A39A441C}" presName="hierChild4" presStyleCnt="0"/>
      <dgm:spPr/>
    </dgm:pt>
    <dgm:pt modelId="{AE3DF7D5-84F3-4D22-91D7-B3A1DF5162B4}" type="pres">
      <dgm:prSet presAssocID="{721DA2E0-E1DE-4D07-8F24-0B5AE5A561C7}" presName="Name37" presStyleLbl="parChTrans1D3" presStyleIdx="2" presStyleCnt="20" custSzY="228600"/>
      <dgm:spPr/>
    </dgm:pt>
    <dgm:pt modelId="{AD0C83B3-5498-4862-9295-44038EA32CF3}" type="pres">
      <dgm:prSet presAssocID="{7529CFDB-2376-48FD-89D3-61436BD055DD}" presName="hierRoot2" presStyleCnt="0">
        <dgm:presLayoutVars>
          <dgm:hierBranch val="init"/>
        </dgm:presLayoutVars>
      </dgm:prSet>
      <dgm:spPr/>
    </dgm:pt>
    <dgm:pt modelId="{45702F43-4953-4F4E-AAC7-A5739E26643F}" type="pres">
      <dgm:prSet presAssocID="{7529CFDB-2376-48FD-89D3-61436BD055DD}" presName="rootComposite" presStyleCnt="0"/>
      <dgm:spPr/>
    </dgm:pt>
    <dgm:pt modelId="{40073E45-9D06-4801-A925-5A86C5EA24D8}" type="pres">
      <dgm:prSet presAssocID="{7529CFDB-2376-48FD-89D3-61436BD055DD}" presName="rootText" presStyleLbl="node3" presStyleIdx="2" presStyleCnt="20" custScaleY="47547">
        <dgm:presLayoutVars>
          <dgm:chPref val="3"/>
        </dgm:presLayoutVars>
      </dgm:prSet>
      <dgm:spPr/>
    </dgm:pt>
    <dgm:pt modelId="{A3C12C70-00F5-4D4F-AAF3-4DA1469C21FA}" type="pres">
      <dgm:prSet presAssocID="{7529CFDB-2376-48FD-89D3-61436BD055DD}" presName="rootConnector" presStyleLbl="node3" presStyleIdx="2" presStyleCnt="20"/>
      <dgm:spPr/>
    </dgm:pt>
    <dgm:pt modelId="{D3BE81AE-29AC-4A66-92C3-6EE2E663C522}" type="pres">
      <dgm:prSet presAssocID="{7529CFDB-2376-48FD-89D3-61436BD055DD}" presName="hierChild4" presStyleCnt="0"/>
      <dgm:spPr/>
    </dgm:pt>
    <dgm:pt modelId="{1EA73FAD-7A83-449C-8FA4-2C6B3D7BBA96}" type="pres">
      <dgm:prSet presAssocID="{7529CFDB-2376-48FD-89D3-61436BD055DD}" presName="hierChild5" presStyleCnt="0"/>
      <dgm:spPr/>
    </dgm:pt>
    <dgm:pt modelId="{1C88CB2D-11B7-4695-911E-C24042727029}" type="pres">
      <dgm:prSet presAssocID="{6039E104-5135-4CD0-AA03-AC3FFE08A1B9}" presName="Name37" presStyleLbl="parChTrans1D3" presStyleIdx="3" presStyleCnt="20" custSzY="228600"/>
      <dgm:spPr/>
    </dgm:pt>
    <dgm:pt modelId="{5610C14F-7741-4471-A239-478C78891524}" type="pres">
      <dgm:prSet presAssocID="{CF91DAAC-0D46-4CAA-9B2E-CD12EACFB69D}" presName="hierRoot2" presStyleCnt="0">
        <dgm:presLayoutVars>
          <dgm:hierBranch val="init"/>
        </dgm:presLayoutVars>
      </dgm:prSet>
      <dgm:spPr/>
    </dgm:pt>
    <dgm:pt modelId="{FAAA0181-EFE8-4F89-AE8C-3E3D841B2CB9}" type="pres">
      <dgm:prSet presAssocID="{CF91DAAC-0D46-4CAA-9B2E-CD12EACFB69D}" presName="rootComposite" presStyleCnt="0"/>
      <dgm:spPr/>
    </dgm:pt>
    <dgm:pt modelId="{8100F284-DE8B-469D-B1A9-0DCD93A9C044}" type="pres">
      <dgm:prSet presAssocID="{CF91DAAC-0D46-4CAA-9B2E-CD12EACFB69D}" presName="rootText" presStyleLbl="node3" presStyleIdx="3" presStyleCnt="20" custScaleY="47547">
        <dgm:presLayoutVars>
          <dgm:chPref val="3"/>
        </dgm:presLayoutVars>
      </dgm:prSet>
      <dgm:spPr/>
    </dgm:pt>
    <dgm:pt modelId="{EF9115C8-63C4-4D9B-9AD5-C9D51B15E514}" type="pres">
      <dgm:prSet presAssocID="{CF91DAAC-0D46-4CAA-9B2E-CD12EACFB69D}" presName="rootConnector" presStyleLbl="node3" presStyleIdx="3" presStyleCnt="20"/>
      <dgm:spPr/>
    </dgm:pt>
    <dgm:pt modelId="{418468F2-85A8-499C-A6F9-52ABC88C8FFC}" type="pres">
      <dgm:prSet presAssocID="{CF91DAAC-0D46-4CAA-9B2E-CD12EACFB69D}" presName="hierChild4" presStyleCnt="0"/>
      <dgm:spPr/>
    </dgm:pt>
    <dgm:pt modelId="{577DA01B-E96E-4E55-BF49-1382FC503D88}" type="pres">
      <dgm:prSet presAssocID="{CF91DAAC-0D46-4CAA-9B2E-CD12EACFB69D}" presName="hierChild5" presStyleCnt="0"/>
      <dgm:spPr/>
    </dgm:pt>
    <dgm:pt modelId="{E941B4FE-96DC-45EC-BDFC-A3A3E710951F}" type="pres">
      <dgm:prSet presAssocID="{D5EF4C0C-FD7A-475A-8CBD-1D0B6BCE61EF}" presName="Name37" presStyleLbl="parChTrans1D3" presStyleIdx="4" presStyleCnt="20" custSzY="228600"/>
      <dgm:spPr/>
    </dgm:pt>
    <dgm:pt modelId="{0231F497-83FA-4F19-A0EE-33C30CA4E56E}" type="pres">
      <dgm:prSet presAssocID="{77F07092-F83D-48C4-9923-594B37AA20C9}" presName="hierRoot2" presStyleCnt="0">
        <dgm:presLayoutVars>
          <dgm:hierBranch val="init"/>
        </dgm:presLayoutVars>
      </dgm:prSet>
      <dgm:spPr/>
    </dgm:pt>
    <dgm:pt modelId="{CCBB0232-2D29-42D4-9BD0-8BD19E9FB829}" type="pres">
      <dgm:prSet presAssocID="{77F07092-F83D-48C4-9923-594B37AA20C9}" presName="rootComposite" presStyleCnt="0"/>
      <dgm:spPr/>
    </dgm:pt>
    <dgm:pt modelId="{C647A73C-974B-4899-846E-B220C59CF9AB}" type="pres">
      <dgm:prSet presAssocID="{77F07092-F83D-48C4-9923-594B37AA20C9}" presName="rootText" presStyleLbl="node3" presStyleIdx="4" presStyleCnt="20" custScaleY="47547">
        <dgm:presLayoutVars>
          <dgm:chPref val="3"/>
        </dgm:presLayoutVars>
      </dgm:prSet>
      <dgm:spPr/>
    </dgm:pt>
    <dgm:pt modelId="{E9667915-2CDE-4AD1-9A02-636F0D0E8E2B}" type="pres">
      <dgm:prSet presAssocID="{77F07092-F83D-48C4-9923-594B37AA20C9}" presName="rootConnector" presStyleLbl="node3" presStyleIdx="4" presStyleCnt="20"/>
      <dgm:spPr/>
    </dgm:pt>
    <dgm:pt modelId="{E5C66B3B-D95F-4B64-A309-496760F8AA0A}" type="pres">
      <dgm:prSet presAssocID="{77F07092-F83D-48C4-9923-594B37AA20C9}" presName="hierChild4" presStyleCnt="0"/>
      <dgm:spPr/>
    </dgm:pt>
    <dgm:pt modelId="{D02D87E1-BE3D-46B7-86A3-D6EDBD67A325}" type="pres">
      <dgm:prSet presAssocID="{77F07092-F83D-48C4-9923-594B37AA20C9}" presName="hierChild5" presStyleCnt="0"/>
      <dgm:spPr/>
    </dgm:pt>
    <dgm:pt modelId="{1E09AB46-26C2-401D-8265-A23B399F396D}" type="pres">
      <dgm:prSet presAssocID="{E428CDAD-0B4B-41F9-A58A-DEA7DD6044F2}" presName="Name37" presStyleLbl="parChTrans1D3" presStyleIdx="5" presStyleCnt="20" custSzY="228600"/>
      <dgm:spPr/>
    </dgm:pt>
    <dgm:pt modelId="{5C79CD07-7F2C-4F50-BC51-BFD4C3F51B91}" type="pres">
      <dgm:prSet presAssocID="{7DEC30F0-9195-4C65-B305-D408FBC3160C}" presName="hierRoot2" presStyleCnt="0">
        <dgm:presLayoutVars>
          <dgm:hierBranch val="init"/>
        </dgm:presLayoutVars>
      </dgm:prSet>
      <dgm:spPr/>
    </dgm:pt>
    <dgm:pt modelId="{C2B98067-3EE5-40F7-BB12-E4F2ABD98125}" type="pres">
      <dgm:prSet presAssocID="{7DEC30F0-9195-4C65-B305-D408FBC3160C}" presName="rootComposite" presStyleCnt="0"/>
      <dgm:spPr/>
    </dgm:pt>
    <dgm:pt modelId="{F28C5CBC-627B-4211-A282-F7F8E7F55F65}" type="pres">
      <dgm:prSet presAssocID="{7DEC30F0-9195-4C65-B305-D408FBC3160C}" presName="rootText" presStyleLbl="node3" presStyleIdx="5" presStyleCnt="20" custScaleY="47547">
        <dgm:presLayoutVars>
          <dgm:chPref val="3"/>
        </dgm:presLayoutVars>
      </dgm:prSet>
      <dgm:spPr/>
    </dgm:pt>
    <dgm:pt modelId="{BD122A5F-FA59-4F6F-9FDC-9E3B6819CDE5}" type="pres">
      <dgm:prSet presAssocID="{7DEC30F0-9195-4C65-B305-D408FBC3160C}" presName="rootConnector" presStyleLbl="node3" presStyleIdx="5" presStyleCnt="20"/>
      <dgm:spPr/>
    </dgm:pt>
    <dgm:pt modelId="{A1701E71-9950-4D6E-8F18-6554248A799F}" type="pres">
      <dgm:prSet presAssocID="{7DEC30F0-9195-4C65-B305-D408FBC3160C}" presName="hierChild4" presStyleCnt="0"/>
      <dgm:spPr/>
    </dgm:pt>
    <dgm:pt modelId="{40FB2E4D-27E3-4215-ACB3-2F1C10DDBB7D}" type="pres">
      <dgm:prSet presAssocID="{7DEC30F0-9195-4C65-B305-D408FBC3160C}" presName="hierChild5" presStyleCnt="0"/>
      <dgm:spPr/>
    </dgm:pt>
    <dgm:pt modelId="{B2167E37-82D9-4560-A9E3-FF0EB252CE98}" type="pres">
      <dgm:prSet presAssocID="{A15F1230-DB54-4D09-B127-BF2C4CE2E87A}" presName="Name37" presStyleLbl="parChTrans1D3" presStyleIdx="6" presStyleCnt="20" custSzY="228600"/>
      <dgm:spPr/>
    </dgm:pt>
    <dgm:pt modelId="{84128803-1E9B-42D2-AD90-E737F3720D17}" type="pres">
      <dgm:prSet presAssocID="{C68300C9-B1F0-404E-8AD3-B2C8EFCAE7B1}" presName="hierRoot2" presStyleCnt="0">
        <dgm:presLayoutVars>
          <dgm:hierBranch val="init"/>
        </dgm:presLayoutVars>
      </dgm:prSet>
      <dgm:spPr/>
    </dgm:pt>
    <dgm:pt modelId="{9D852AF4-427A-4A10-A45D-D141F917A4ED}" type="pres">
      <dgm:prSet presAssocID="{C68300C9-B1F0-404E-8AD3-B2C8EFCAE7B1}" presName="rootComposite" presStyleCnt="0"/>
      <dgm:spPr/>
    </dgm:pt>
    <dgm:pt modelId="{3902FC0E-3AE0-48DC-B0EA-C12B011687FD}" type="pres">
      <dgm:prSet presAssocID="{C68300C9-B1F0-404E-8AD3-B2C8EFCAE7B1}" presName="rootText" presStyleLbl="node3" presStyleIdx="6" presStyleCnt="20" custScaleY="47547">
        <dgm:presLayoutVars>
          <dgm:chPref val="3"/>
        </dgm:presLayoutVars>
      </dgm:prSet>
      <dgm:spPr/>
    </dgm:pt>
    <dgm:pt modelId="{77AA6D6D-5050-4ACF-B53B-9356612F70D0}" type="pres">
      <dgm:prSet presAssocID="{C68300C9-B1F0-404E-8AD3-B2C8EFCAE7B1}" presName="rootConnector" presStyleLbl="node3" presStyleIdx="6" presStyleCnt="20"/>
      <dgm:spPr/>
    </dgm:pt>
    <dgm:pt modelId="{6F70EBB8-D74C-4C4A-AB8C-3EAAFCAB6680}" type="pres">
      <dgm:prSet presAssocID="{C68300C9-B1F0-404E-8AD3-B2C8EFCAE7B1}" presName="hierChild4" presStyleCnt="0"/>
      <dgm:spPr/>
    </dgm:pt>
    <dgm:pt modelId="{90A3EBC4-D586-413C-99A7-E8560E624556}" type="pres">
      <dgm:prSet presAssocID="{C68300C9-B1F0-404E-8AD3-B2C8EFCAE7B1}" presName="hierChild5" presStyleCnt="0"/>
      <dgm:spPr/>
    </dgm:pt>
    <dgm:pt modelId="{6A2F9151-B589-438B-A3A2-3623235EF432}" type="pres">
      <dgm:prSet presAssocID="{D44F963F-C5BE-4B4E-8D6C-D5E7A39A441C}" presName="hierChild5" presStyleCnt="0"/>
      <dgm:spPr/>
    </dgm:pt>
    <dgm:pt modelId="{99FFC313-D861-4492-A68D-41A4BF9B74DD}" type="pres">
      <dgm:prSet presAssocID="{0AF61A29-BD08-43C7-8844-78243E311375}" presName="Name37" presStyleLbl="parChTrans1D2" presStyleIdx="2" presStyleCnt="6" custSzY="228600"/>
      <dgm:spPr/>
    </dgm:pt>
    <dgm:pt modelId="{6C8BFF1B-B517-4708-89E7-1C4FBF26A590}" type="pres">
      <dgm:prSet presAssocID="{32807BD1-3D67-4D05-A0AD-CEC6DDC7EA75}" presName="hierRoot2" presStyleCnt="0">
        <dgm:presLayoutVars>
          <dgm:hierBranch val="init"/>
        </dgm:presLayoutVars>
      </dgm:prSet>
      <dgm:spPr/>
    </dgm:pt>
    <dgm:pt modelId="{6BBF13B4-9FE8-4E4B-9C3F-7F1633CF6D97}" type="pres">
      <dgm:prSet presAssocID="{32807BD1-3D67-4D05-A0AD-CEC6DDC7EA75}" presName="rootComposite" presStyleCnt="0"/>
      <dgm:spPr/>
    </dgm:pt>
    <dgm:pt modelId="{3A4FBEC5-5789-4C16-9D82-195F054274A2}" type="pres">
      <dgm:prSet presAssocID="{32807BD1-3D67-4D05-A0AD-CEC6DDC7EA75}" presName="rootText" presStyleLbl="node2" presStyleIdx="2" presStyleCnt="6" custScaleY="47547">
        <dgm:presLayoutVars>
          <dgm:chPref val="3"/>
        </dgm:presLayoutVars>
      </dgm:prSet>
      <dgm:spPr/>
    </dgm:pt>
    <dgm:pt modelId="{5AE7E046-3CFC-41D4-A49D-BE432199385C}" type="pres">
      <dgm:prSet presAssocID="{32807BD1-3D67-4D05-A0AD-CEC6DDC7EA75}" presName="rootConnector" presStyleLbl="node2" presStyleIdx="2" presStyleCnt="6"/>
      <dgm:spPr/>
    </dgm:pt>
    <dgm:pt modelId="{3CD15704-95D1-470F-8C2F-B5E35BA6D4C6}" type="pres">
      <dgm:prSet presAssocID="{32807BD1-3D67-4D05-A0AD-CEC6DDC7EA75}" presName="hierChild4" presStyleCnt="0"/>
      <dgm:spPr/>
    </dgm:pt>
    <dgm:pt modelId="{7B0939E3-B16B-4AB6-918E-660B4E3EA43F}" type="pres">
      <dgm:prSet presAssocID="{C045B89A-C3EC-40D2-B0C0-026257D2EB65}" presName="Name37" presStyleLbl="parChTrans1D3" presStyleIdx="7" presStyleCnt="20" custSzY="228600"/>
      <dgm:spPr/>
    </dgm:pt>
    <dgm:pt modelId="{13C5AA8C-B3D1-4CE2-A370-D8B8B04EEF75}" type="pres">
      <dgm:prSet presAssocID="{2370AA98-14BD-4B36-93C1-F61FBF478204}" presName="hierRoot2" presStyleCnt="0">
        <dgm:presLayoutVars>
          <dgm:hierBranch val="init"/>
        </dgm:presLayoutVars>
      </dgm:prSet>
      <dgm:spPr/>
    </dgm:pt>
    <dgm:pt modelId="{02B2AD80-6C57-492E-8A48-41712A795667}" type="pres">
      <dgm:prSet presAssocID="{2370AA98-14BD-4B36-93C1-F61FBF478204}" presName="rootComposite" presStyleCnt="0"/>
      <dgm:spPr/>
    </dgm:pt>
    <dgm:pt modelId="{FF542CFF-1527-4E82-B16A-378B26C0B24A}" type="pres">
      <dgm:prSet presAssocID="{2370AA98-14BD-4B36-93C1-F61FBF478204}" presName="rootText" presStyleLbl="node3" presStyleIdx="7" presStyleCnt="20" custScaleX="153814" custScaleY="47547">
        <dgm:presLayoutVars>
          <dgm:chPref val="3"/>
        </dgm:presLayoutVars>
      </dgm:prSet>
      <dgm:spPr/>
    </dgm:pt>
    <dgm:pt modelId="{A9AE207C-BA74-4FC8-811A-9CA16ABAA75C}" type="pres">
      <dgm:prSet presAssocID="{2370AA98-14BD-4B36-93C1-F61FBF478204}" presName="rootConnector" presStyleLbl="node3" presStyleIdx="7" presStyleCnt="20"/>
      <dgm:spPr/>
    </dgm:pt>
    <dgm:pt modelId="{5E07DEA1-2C46-4CD6-9D57-5F5FDEBE62D9}" type="pres">
      <dgm:prSet presAssocID="{2370AA98-14BD-4B36-93C1-F61FBF478204}" presName="hierChild4" presStyleCnt="0"/>
      <dgm:spPr/>
    </dgm:pt>
    <dgm:pt modelId="{43EE6866-CB2B-4DB4-959E-63AEBFD912F5}" type="pres">
      <dgm:prSet presAssocID="{2370AA98-14BD-4B36-93C1-F61FBF478204}" presName="hierChild5" presStyleCnt="0"/>
      <dgm:spPr/>
    </dgm:pt>
    <dgm:pt modelId="{6B563B3B-C3BC-41F2-B74A-ED7F9227E059}" type="pres">
      <dgm:prSet presAssocID="{1B346850-A5B2-4A6B-9673-45A10A3C583C}" presName="Name37" presStyleLbl="parChTrans1D3" presStyleIdx="8" presStyleCnt="20" custSzY="228600"/>
      <dgm:spPr/>
    </dgm:pt>
    <dgm:pt modelId="{C9C0FF27-B52C-4490-9E28-39387B654444}" type="pres">
      <dgm:prSet presAssocID="{DCB4C7FB-A33F-4F32-880B-093CCD19B74B}" presName="hierRoot2" presStyleCnt="0">
        <dgm:presLayoutVars>
          <dgm:hierBranch val="init"/>
        </dgm:presLayoutVars>
      </dgm:prSet>
      <dgm:spPr/>
    </dgm:pt>
    <dgm:pt modelId="{C432673D-25D4-46FF-BBC1-27F6FC08796B}" type="pres">
      <dgm:prSet presAssocID="{DCB4C7FB-A33F-4F32-880B-093CCD19B74B}" presName="rootComposite" presStyleCnt="0"/>
      <dgm:spPr/>
    </dgm:pt>
    <dgm:pt modelId="{0D0EDD5A-8061-4852-9273-1D225B0B42FB}" type="pres">
      <dgm:prSet presAssocID="{DCB4C7FB-A33F-4F32-880B-093CCD19B74B}" presName="rootText" presStyleLbl="node3" presStyleIdx="8" presStyleCnt="20" custScaleX="153814" custScaleY="47547">
        <dgm:presLayoutVars>
          <dgm:chPref val="3"/>
        </dgm:presLayoutVars>
      </dgm:prSet>
      <dgm:spPr/>
    </dgm:pt>
    <dgm:pt modelId="{DD26A9E4-71F3-45AA-A73D-EA47D041C38C}" type="pres">
      <dgm:prSet presAssocID="{DCB4C7FB-A33F-4F32-880B-093CCD19B74B}" presName="rootConnector" presStyleLbl="node3" presStyleIdx="8" presStyleCnt="20"/>
      <dgm:spPr/>
    </dgm:pt>
    <dgm:pt modelId="{98EDBD83-AB30-410B-84E2-AABE373DFBA5}" type="pres">
      <dgm:prSet presAssocID="{DCB4C7FB-A33F-4F32-880B-093CCD19B74B}" presName="hierChild4" presStyleCnt="0"/>
      <dgm:spPr/>
    </dgm:pt>
    <dgm:pt modelId="{99A3AE92-ECB6-4020-8A6D-9E359F20EAB3}" type="pres">
      <dgm:prSet presAssocID="{DCB4C7FB-A33F-4F32-880B-093CCD19B74B}" presName="hierChild5" presStyleCnt="0"/>
      <dgm:spPr/>
    </dgm:pt>
    <dgm:pt modelId="{4760CEFD-1396-4FB8-A276-54FD6F7EDEB5}" type="pres">
      <dgm:prSet presAssocID="{6C983697-387D-4C27-B61F-0515C7211E04}" presName="Name37" presStyleLbl="parChTrans1D3" presStyleIdx="9" presStyleCnt="20" custSzY="228600"/>
      <dgm:spPr/>
    </dgm:pt>
    <dgm:pt modelId="{4C3C20D2-3520-487C-AD8E-4C809571185E}" type="pres">
      <dgm:prSet presAssocID="{1D8539E8-588C-4362-8FAB-27B71C403ECE}" presName="hierRoot2" presStyleCnt="0">
        <dgm:presLayoutVars>
          <dgm:hierBranch val="init"/>
        </dgm:presLayoutVars>
      </dgm:prSet>
      <dgm:spPr/>
    </dgm:pt>
    <dgm:pt modelId="{B7044EDA-57D6-4017-8B8B-8BD476B683A7}" type="pres">
      <dgm:prSet presAssocID="{1D8539E8-588C-4362-8FAB-27B71C403ECE}" presName="rootComposite" presStyleCnt="0"/>
      <dgm:spPr/>
    </dgm:pt>
    <dgm:pt modelId="{A71FB3ED-4BFA-48B0-BA4F-A3D42C627AAC}" type="pres">
      <dgm:prSet presAssocID="{1D8539E8-588C-4362-8FAB-27B71C403ECE}" presName="rootText" presStyleLbl="node3" presStyleIdx="9" presStyleCnt="20" custScaleY="47547">
        <dgm:presLayoutVars>
          <dgm:chPref val="3"/>
        </dgm:presLayoutVars>
      </dgm:prSet>
      <dgm:spPr/>
    </dgm:pt>
    <dgm:pt modelId="{4F3C92A6-F36E-4AB5-B723-37BF4ED85A13}" type="pres">
      <dgm:prSet presAssocID="{1D8539E8-588C-4362-8FAB-27B71C403ECE}" presName="rootConnector" presStyleLbl="node3" presStyleIdx="9" presStyleCnt="20"/>
      <dgm:spPr/>
    </dgm:pt>
    <dgm:pt modelId="{C4B9DD58-D31A-45A5-91A7-26D9D05CE2B3}" type="pres">
      <dgm:prSet presAssocID="{1D8539E8-588C-4362-8FAB-27B71C403ECE}" presName="hierChild4" presStyleCnt="0"/>
      <dgm:spPr/>
    </dgm:pt>
    <dgm:pt modelId="{97ACD0A0-51D6-4925-859B-B884914534F5}" type="pres">
      <dgm:prSet presAssocID="{1D8539E8-588C-4362-8FAB-27B71C403ECE}" presName="hierChild5" presStyleCnt="0"/>
      <dgm:spPr/>
    </dgm:pt>
    <dgm:pt modelId="{F2D63061-2116-4E32-9D95-A337C0F1B2AE}" type="pres">
      <dgm:prSet presAssocID="{32807BD1-3D67-4D05-A0AD-CEC6DDC7EA75}" presName="hierChild5" presStyleCnt="0"/>
      <dgm:spPr/>
    </dgm:pt>
    <dgm:pt modelId="{03B8390D-B105-42B1-A386-12C2BD520DAA}" type="pres">
      <dgm:prSet presAssocID="{18740B3C-69AA-47BD-9586-287FB9E52AF1}" presName="Name37" presStyleLbl="parChTrans1D2" presStyleIdx="3" presStyleCnt="6" custSzY="228600"/>
      <dgm:spPr/>
    </dgm:pt>
    <dgm:pt modelId="{86E6C108-BFA7-40BE-8DA9-0D16D8F302A7}" type="pres">
      <dgm:prSet presAssocID="{02F9A00E-B2FF-4897-B5E2-B11835D989D2}" presName="hierRoot2" presStyleCnt="0">
        <dgm:presLayoutVars>
          <dgm:hierBranch val="init"/>
        </dgm:presLayoutVars>
      </dgm:prSet>
      <dgm:spPr/>
    </dgm:pt>
    <dgm:pt modelId="{F6E82332-7F67-45B2-9BE4-82C7DE4D7EA4}" type="pres">
      <dgm:prSet presAssocID="{02F9A00E-B2FF-4897-B5E2-B11835D989D2}" presName="rootComposite" presStyleCnt="0"/>
      <dgm:spPr/>
    </dgm:pt>
    <dgm:pt modelId="{39566ABE-F92F-46E2-B619-324305F3111E}" type="pres">
      <dgm:prSet presAssocID="{02F9A00E-B2FF-4897-B5E2-B11835D989D2}" presName="rootText" presStyleLbl="node2" presStyleIdx="3" presStyleCnt="6" custScaleY="47547">
        <dgm:presLayoutVars>
          <dgm:chPref val="3"/>
        </dgm:presLayoutVars>
      </dgm:prSet>
      <dgm:spPr/>
    </dgm:pt>
    <dgm:pt modelId="{370CD29B-4C5E-4004-824C-34093A57EFF4}" type="pres">
      <dgm:prSet presAssocID="{02F9A00E-B2FF-4897-B5E2-B11835D989D2}" presName="rootConnector" presStyleLbl="node2" presStyleIdx="3" presStyleCnt="6"/>
      <dgm:spPr/>
    </dgm:pt>
    <dgm:pt modelId="{AD6BE32C-7DE7-47A5-A7D5-BF3DE4E4F551}" type="pres">
      <dgm:prSet presAssocID="{02F9A00E-B2FF-4897-B5E2-B11835D989D2}" presName="hierChild4" presStyleCnt="0"/>
      <dgm:spPr/>
    </dgm:pt>
    <dgm:pt modelId="{7045D9E7-FB8E-4A15-A786-2308CECB0D36}" type="pres">
      <dgm:prSet presAssocID="{1BEEA89E-DA15-437F-B84A-E8352511246D}" presName="Name37" presStyleLbl="parChTrans1D3" presStyleIdx="10" presStyleCnt="20" custSzY="228600"/>
      <dgm:spPr/>
    </dgm:pt>
    <dgm:pt modelId="{6D8E6498-D063-450E-A7E3-1EF91423DB53}" type="pres">
      <dgm:prSet presAssocID="{34E69D6D-350F-4E11-8F09-E2C952375FA0}" presName="hierRoot2" presStyleCnt="0">
        <dgm:presLayoutVars>
          <dgm:hierBranch val="init"/>
        </dgm:presLayoutVars>
      </dgm:prSet>
      <dgm:spPr/>
    </dgm:pt>
    <dgm:pt modelId="{53D058F2-3B13-4133-A2AA-B865987C62D1}" type="pres">
      <dgm:prSet presAssocID="{34E69D6D-350F-4E11-8F09-E2C952375FA0}" presName="rootComposite" presStyleCnt="0"/>
      <dgm:spPr/>
    </dgm:pt>
    <dgm:pt modelId="{FA7BA99C-D90F-4C7F-937D-E5F30D57C66A}" type="pres">
      <dgm:prSet presAssocID="{34E69D6D-350F-4E11-8F09-E2C952375FA0}" presName="rootText" presStyleLbl="node3" presStyleIdx="10" presStyleCnt="20" custScaleY="47547">
        <dgm:presLayoutVars>
          <dgm:chPref val="3"/>
        </dgm:presLayoutVars>
      </dgm:prSet>
      <dgm:spPr/>
    </dgm:pt>
    <dgm:pt modelId="{3CD66D3A-7419-4132-AD2D-A4E5C6E4A5B5}" type="pres">
      <dgm:prSet presAssocID="{34E69D6D-350F-4E11-8F09-E2C952375FA0}" presName="rootConnector" presStyleLbl="node3" presStyleIdx="10" presStyleCnt="20"/>
      <dgm:spPr/>
    </dgm:pt>
    <dgm:pt modelId="{4A8FD806-5D76-4D96-AABC-94515818A816}" type="pres">
      <dgm:prSet presAssocID="{34E69D6D-350F-4E11-8F09-E2C952375FA0}" presName="hierChild4" presStyleCnt="0"/>
      <dgm:spPr/>
    </dgm:pt>
    <dgm:pt modelId="{21B26C38-49CF-4210-BDA9-DDFA15F27AF3}" type="pres">
      <dgm:prSet presAssocID="{34E69D6D-350F-4E11-8F09-E2C952375FA0}" presName="hierChild5" presStyleCnt="0"/>
      <dgm:spPr/>
    </dgm:pt>
    <dgm:pt modelId="{5F0ED6ED-9723-4547-ADAE-E5456AD22222}" type="pres">
      <dgm:prSet presAssocID="{BFF621A8-39DA-46E5-B6F2-FB9CBDA16F19}" presName="Name37" presStyleLbl="parChTrans1D3" presStyleIdx="11" presStyleCnt="20" custSzY="228600"/>
      <dgm:spPr/>
    </dgm:pt>
    <dgm:pt modelId="{0F08736E-168F-4C01-A0F4-B37B0E90DDE3}" type="pres">
      <dgm:prSet presAssocID="{80ADFD80-7BB9-45CF-8545-63474BC004F7}" presName="hierRoot2" presStyleCnt="0">
        <dgm:presLayoutVars>
          <dgm:hierBranch val="init"/>
        </dgm:presLayoutVars>
      </dgm:prSet>
      <dgm:spPr/>
    </dgm:pt>
    <dgm:pt modelId="{B8E58F5D-50FA-435B-8A53-A37A41AD3995}" type="pres">
      <dgm:prSet presAssocID="{80ADFD80-7BB9-45CF-8545-63474BC004F7}" presName="rootComposite" presStyleCnt="0"/>
      <dgm:spPr/>
    </dgm:pt>
    <dgm:pt modelId="{F8E8C9EC-C03C-4941-A7ED-DC3D5AEC1333}" type="pres">
      <dgm:prSet presAssocID="{80ADFD80-7BB9-45CF-8545-63474BC004F7}" presName="rootText" presStyleLbl="node3" presStyleIdx="11" presStyleCnt="20" custScaleY="47547">
        <dgm:presLayoutVars>
          <dgm:chPref val="3"/>
        </dgm:presLayoutVars>
      </dgm:prSet>
      <dgm:spPr/>
    </dgm:pt>
    <dgm:pt modelId="{69CE8032-686B-4D9F-A022-BCD80359DA80}" type="pres">
      <dgm:prSet presAssocID="{80ADFD80-7BB9-45CF-8545-63474BC004F7}" presName="rootConnector" presStyleLbl="node3" presStyleIdx="11" presStyleCnt="20"/>
      <dgm:spPr/>
    </dgm:pt>
    <dgm:pt modelId="{89F07D2B-3335-4E52-B4C1-EA61091406B6}" type="pres">
      <dgm:prSet presAssocID="{80ADFD80-7BB9-45CF-8545-63474BC004F7}" presName="hierChild4" presStyleCnt="0"/>
      <dgm:spPr/>
    </dgm:pt>
    <dgm:pt modelId="{DE0EE957-219E-43CA-A0F7-1190BC91E0B9}" type="pres">
      <dgm:prSet presAssocID="{80ADFD80-7BB9-45CF-8545-63474BC004F7}" presName="hierChild5" presStyleCnt="0"/>
      <dgm:spPr/>
    </dgm:pt>
    <dgm:pt modelId="{72572473-9880-48DA-AA92-972C43E7EDCE}" type="pres">
      <dgm:prSet presAssocID="{65164CED-4564-46F8-B7F3-6253933C926A}" presName="Name37" presStyleLbl="parChTrans1D3" presStyleIdx="12" presStyleCnt="20" custSzY="228600"/>
      <dgm:spPr/>
    </dgm:pt>
    <dgm:pt modelId="{CF8333B7-E286-45F7-8CE5-3A4A722A7F4B}" type="pres">
      <dgm:prSet presAssocID="{F4F0FE2B-DD5A-4B64-A7C4-FD08D931BB13}" presName="hierRoot2" presStyleCnt="0">
        <dgm:presLayoutVars>
          <dgm:hierBranch val="init"/>
        </dgm:presLayoutVars>
      </dgm:prSet>
      <dgm:spPr/>
    </dgm:pt>
    <dgm:pt modelId="{D4DA7EBA-CC4B-4A81-9320-146B592DE3D2}" type="pres">
      <dgm:prSet presAssocID="{F4F0FE2B-DD5A-4B64-A7C4-FD08D931BB13}" presName="rootComposite" presStyleCnt="0"/>
      <dgm:spPr/>
    </dgm:pt>
    <dgm:pt modelId="{176E2CFA-4E4C-4220-A574-1D7BC27976D1}" type="pres">
      <dgm:prSet presAssocID="{F4F0FE2B-DD5A-4B64-A7C4-FD08D931BB13}" presName="rootText" presStyleLbl="node3" presStyleIdx="12" presStyleCnt="20" custScaleY="47547">
        <dgm:presLayoutVars>
          <dgm:chPref val="3"/>
        </dgm:presLayoutVars>
      </dgm:prSet>
      <dgm:spPr/>
    </dgm:pt>
    <dgm:pt modelId="{A4FA24CC-AFDF-4B8C-A144-82B3636DD9E4}" type="pres">
      <dgm:prSet presAssocID="{F4F0FE2B-DD5A-4B64-A7C4-FD08D931BB13}" presName="rootConnector" presStyleLbl="node3" presStyleIdx="12" presStyleCnt="20"/>
      <dgm:spPr/>
    </dgm:pt>
    <dgm:pt modelId="{A8CFC0CD-2758-43E3-B8EC-1F9D3EBDF3AF}" type="pres">
      <dgm:prSet presAssocID="{F4F0FE2B-DD5A-4B64-A7C4-FD08D931BB13}" presName="hierChild4" presStyleCnt="0"/>
      <dgm:spPr/>
    </dgm:pt>
    <dgm:pt modelId="{91D17DF1-FE06-468A-B8CC-A299A33E9FBD}" type="pres">
      <dgm:prSet presAssocID="{F4F0FE2B-DD5A-4B64-A7C4-FD08D931BB13}" presName="hierChild5" presStyleCnt="0"/>
      <dgm:spPr/>
    </dgm:pt>
    <dgm:pt modelId="{EBB9F988-EEF2-41D1-B1B7-FDA67E2E6A24}" type="pres">
      <dgm:prSet presAssocID="{02F9A00E-B2FF-4897-B5E2-B11835D989D2}" presName="hierChild5" presStyleCnt="0"/>
      <dgm:spPr/>
    </dgm:pt>
    <dgm:pt modelId="{8900AE5B-2871-4D66-AA54-57F4721E8B9C}" type="pres">
      <dgm:prSet presAssocID="{00E88D35-608D-4D2B-9385-50BC56688ECC}" presName="Name37" presStyleLbl="parChTrans1D2" presStyleIdx="4" presStyleCnt="6" custSzY="228600"/>
      <dgm:spPr/>
    </dgm:pt>
    <dgm:pt modelId="{C1C10A0C-9F1A-4F33-BDA0-18B010D33514}" type="pres">
      <dgm:prSet presAssocID="{AE40EDD5-D231-4EB2-BF55-A1D96195B796}" presName="hierRoot2" presStyleCnt="0">
        <dgm:presLayoutVars>
          <dgm:hierBranch val="init"/>
        </dgm:presLayoutVars>
      </dgm:prSet>
      <dgm:spPr/>
    </dgm:pt>
    <dgm:pt modelId="{93EDAF41-4F4C-48E5-9415-6D4ADD81DEB1}" type="pres">
      <dgm:prSet presAssocID="{AE40EDD5-D231-4EB2-BF55-A1D96195B796}" presName="rootComposite" presStyleCnt="0"/>
      <dgm:spPr/>
    </dgm:pt>
    <dgm:pt modelId="{9CD492D0-6C4B-4E90-AFE0-C5738B8D653C}" type="pres">
      <dgm:prSet presAssocID="{AE40EDD5-D231-4EB2-BF55-A1D96195B796}" presName="rootText" presStyleLbl="node2" presStyleIdx="4" presStyleCnt="6" custScaleY="47547">
        <dgm:presLayoutVars>
          <dgm:chPref val="3"/>
        </dgm:presLayoutVars>
      </dgm:prSet>
      <dgm:spPr/>
    </dgm:pt>
    <dgm:pt modelId="{F85BB661-C6E1-4117-AF93-21BDA5FBF12B}" type="pres">
      <dgm:prSet presAssocID="{AE40EDD5-D231-4EB2-BF55-A1D96195B796}" presName="rootConnector" presStyleLbl="node2" presStyleIdx="4" presStyleCnt="6"/>
      <dgm:spPr/>
    </dgm:pt>
    <dgm:pt modelId="{879FE8C2-0BE0-459B-92EF-3644DFE9E3A3}" type="pres">
      <dgm:prSet presAssocID="{AE40EDD5-D231-4EB2-BF55-A1D96195B796}" presName="hierChild4" presStyleCnt="0"/>
      <dgm:spPr/>
    </dgm:pt>
    <dgm:pt modelId="{F469C038-0139-402D-A678-FA73A6277913}" type="pres">
      <dgm:prSet presAssocID="{09CF91B0-4A10-424E-BA47-460C346B996D}" presName="Name37" presStyleLbl="parChTrans1D3" presStyleIdx="13" presStyleCnt="20" custSzY="228600"/>
      <dgm:spPr/>
    </dgm:pt>
    <dgm:pt modelId="{EFC59F12-07A9-415F-9927-492F4F024933}" type="pres">
      <dgm:prSet presAssocID="{B6E3DB59-7FEE-4BE6-BD44-D4CC8F9DEA06}" presName="hierRoot2" presStyleCnt="0">
        <dgm:presLayoutVars>
          <dgm:hierBranch val="init"/>
        </dgm:presLayoutVars>
      </dgm:prSet>
      <dgm:spPr/>
    </dgm:pt>
    <dgm:pt modelId="{D1531CF4-B7E2-4245-9E2E-4201D240FC37}" type="pres">
      <dgm:prSet presAssocID="{B6E3DB59-7FEE-4BE6-BD44-D4CC8F9DEA06}" presName="rootComposite" presStyleCnt="0"/>
      <dgm:spPr/>
    </dgm:pt>
    <dgm:pt modelId="{E56293E9-CC42-4D87-BB71-C0D88F66F707}" type="pres">
      <dgm:prSet presAssocID="{B6E3DB59-7FEE-4BE6-BD44-D4CC8F9DEA06}" presName="rootText" presStyleLbl="node3" presStyleIdx="13" presStyleCnt="20" custScaleY="47547">
        <dgm:presLayoutVars>
          <dgm:chPref val="3"/>
        </dgm:presLayoutVars>
      </dgm:prSet>
      <dgm:spPr/>
    </dgm:pt>
    <dgm:pt modelId="{86329780-1A9A-44D9-BDF3-DE293614BD5E}" type="pres">
      <dgm:prSet presAssocID="{B6E3DB59-7FEE-4BE6-BD44-D4CC8F9DEA06}" presName="rootConnector" presStyleLbl="node3" presStyleIdx="13" presStyleCnt="20"/>
      <dgm:spPr/>
    </dgm:pt>
    <dgm:pt modelId="{F2D60539-7C69-46A1-A735-D6D7E4CA397E}" type="pres">
      <dgm:prSet presAssocID="{B6E3DB59-7FEE-4BE6-BD44-D4CC8F9DEA06}" presName="hierChild4" presStyleCnt="0"/>
      <dgm:spPr/>
    </dgm:pt>
    <dgm:pt modelId="{E5871A9B-B535-4E68-992F-18C877602A8D}" type="pres">
      <dgm:prSet presAssocID="{B6E3DB59-7FEE-4BE6-BD44-D4CC8F9DEA06}" presName="hierChild5" presStyleCnt="0"/>
      <dgm:spPr/>
    </dgm:pt>
    <dgm:pt modelId="{26E9A8DF-759D-4F05-A566-8CB21F8FBC0F}" type="pres">
      <dgm:prSet presAssocID="{EE51AA4D-9697-4079-B47B-E9888F0D49F1}" presName="Name37" presStyleLbl="parChTrans1D3" presStyleIdx="14" presStyleCnt="20" custSzY="228600"/>
      <dgm:spPr/>
    </dgm:pt>
    <dgm:pt modelId="{31B8A124-9959-4C16-8C14-6B211A87C5AF}" type="pres">
      <dgm:prSet presAssocID="{F08F833A-0F50-490C-8E60-4D15B054E76D}" presName="hierRoot2" presStyleCnt="0">
        <dgm:presLayoutVars>
          <dgm:hierBranch val="init"/>
        </dgm:presLayoutVars>
      </dgm:prSet>
      <dgm:spPr/>
    </dgm:pt>
    <dgm:pt modelId="{77B9CAB6-E1E3-4A1F-A4B2-358D255C318D}" type="pres">
      <dgm:prSet presAssocID="{F08F833A-0F50-490C-8E60-4D15B054E76D}" presName="rootComposite" presStyleCnt="0"/>
      <dgm:spPr/>
    </dgm:pt>
    <dgm:pt modelId="{20B9E185-3172-4896-A99C-22407B93DA6F}" type="pres">
      <dgm:prSet presAssocID="{F08F833A-0F50-490C-8E60-4D15B054E76D}" presName="rootText" presStyleLbl="node3" presStyleIdx="14" presStyleCnt="20" custScaleX="119864" custScaleY="42176">
        <dgm:presLayoutVars>
          <dgm:chPref val="3"/>
        </dgm:presLayoutVars>
      </dgm:prSet>
      <dgm:spPr/>
    </dgm:pt>
    <dgm:pt modelId="{A955F49D-19BD-446B-80FA-C4EDA916B396}" type="pres">
      <dgm:prSet presAssocID="{F08F833A-0F50-490C-8E60-4D15B054E76D}" presName="rootConnector" presStyleLbl="node3" presStyleIdx="14" presStyleCnt="20"/>
      <dgm:spPr/>
    </dgm:pt>
    <dgm:pt modelId="{FEF8C990-D575-480E-843A-E380F3A15363}" type="pres">
      <dgm:prSet presAssocID="{F08F833A-0F50-490C-8E60-4D15B054E76D}" presName="hierChild4" presStyleCnt="0"/>
      <dgm:spPr/>
    </dgm:pt>
    <dgm:pt modelId="{A039753E-C215-4C6B-8438-53EB5E0B58B9}" type="pres">
      <dgm:prSet presAssocID="{F08F833A-0F50-490C-8E60-4D15B054E76D}" presName="hierChild5" presStyleCnt="0"/>
      <dgm:spPr/>
    </dgm:pt>
    <dgm:pt modelId="{CF021E55-8765-4CB7-B416-F4E95C4181DF}" type="pres">
      <dgm:prSet presAssocID="{BE17AF48-793A-40FB-8182-992A291C07EE}" presName="Name37" presStyleLbl="parChTrans1D3" presStyleIdx="15" presStyleCnt="20" custSzY="228600"/>
      <dgm:spPr/>
    </dgm:pt>
    <dgm:pt modelId="{32BA8CB4-6443-453C-BA2A-C14E956DC773}" type="pres">
      <dgm:prSet presAssocID="{4DD76486-2251-480D-BA41-39CE852D10CB}" presName="hierRoot2" presStyleCnt="0">
        <dgm:presLayoutVars>
          <dgm:hierBranch val="init"/>
        </dgm:presLayoutVars>
      </dgm:prSet>
      <dgm:spPr/>
    </dgm:pt>
    <dgm:pt modelId="{91BF89B4-00AF-4BD1-BCF9-29E0A8091515}" type="pres">
      <dgm:prSet presAssocID="{4DD76486-2251-480D-BA41-39CE852D10CB}" presName="rootComposite" presStyleCnt="0"/>
      <dgm:spPr/>
    </dgm:pt>
    <dgm:pt modelId="{7353C8BB-B2C3-4E05-A49B-9A7D4F522797}" type="pres">
      <dgm:prSet presAssocID="{4DD76486-2251-480D-BA41-39CE852D10CB}" presName="rootText" presStyleLbl="node3" presStyleIdx="15" presStyleCnt="20" custScaleX="119864" custScaleY="42176">
        <dgm:presLayoutVars>
          <dgm:chPref val="3"/>
        </dgm:presLayoutVars>
      </dgm:prSet>
      <dgm:spPr/>
    </dgm:pt>
    <dgm:pt modelId="{9C745451-5255-4ECC-8B88-C813BAEB1A11}" type="pres">
      <dgm:prSet presAssocID="{4DD76486-2251-480D-BA41-39CE852D10CB}" presName="rootConnector" presStyleLbl="node3" presStyleIdx="15" presStyleCnt="20"/>
      <dgm:spPr/>
    </dgm:pt>
    <dgm:pt modelId="{F193AF6D-8A18-420C-A5F8-E8905D503542}" type="pres">
      <dgm:prSet presAssocID="{4DD76486-2251-480D-BA41-39CE852D10CB}" presName="hierChild4" presStyleCnt="0"/>
      <dgm:spPr/>
    </dgm:pt>
    <dgm:pt modelId="{F7B6B758-89FD-4CDC-90FB-5461FE55EA69}" type="pres">
      <dgm:prSet presAssocID="{4DD76486-2251-480D-BA41-39CE852D10CB}" presName="hierChild5" presStyleCnt="0"/>
      <dgm:spPr/>
    </dgm:pt>
    <dgm:pt modelId="{3C6E96E2-7B7E-4287-907E-5E0C546AD73A}" type="pres">
      <dgm:prSet presAssocID="{AE40EDD5-D231-4EB2-BF55-A1D96195B796}" presName="hierChild5" presStyleCnt="0"/>
      <dgm:spPr/>
    </dgm:pt>
    <dgm:pt modelId="{387A4011-43D2-4172-ADD2-9D9F410616F8}" type="pres">
      <dgm:prSet presAssocID="{06B4FE12-4DEE-40CC-8902-F7C91077FBD4}" presName="Name37" presStyleLbl="parChTrans1D2" presStyleIdx="5" presStyleCnt="6" custSzY="228600"/>
      <dgm:spPr/>
    </dgm:pt>
    <dgm:pt modelId="{3CFDE2CB-F2CE-4DD2-8C49-5C88DC03A1F3}" type="pres">
      <dgm:prSet presAssocID="{F8834707-F5B3-4E57-A0A4-D7DCD37AFBB4}" presName="hierRoot2" presStyleCnt="0">
        <dgm:presLayoutVars>
          <dgm:hierBranch val="init"/>
        </dgm:presLayoutVars>
      </dgm:prSet>
      <dgm:spPr/>
    </dgm:pt>
    <dgm:pt modelId="{0E48754F-A614-460A-9BB5-7E4D7008C9D5}" type="pres">
      <dgm:prSet presAssocID="{F8834707-F5B3-4E57-A0A4-D7DCD37AFBB4}" presName="rootComposite" presStyleCnt="0"/>
      <dgm:spPr/>
    </dgm:pt>
    <dgm:pt modelId="{4235E657-C856-45B1-95CC-6A2539F4A182}" type="pres">
      <dgm:prSet presAssocID="{F8834707-F5B3-4E57-A0A4-D7DCD37AFBB4}" presName="rootText" presStyleLbl="node2" presStyleIdx="5" presStyleCnt="6" custScaleY="47547">
        <dgm:presLayoutVars>
          <dgm:chPref val="3"/>
        </dgm:presLayoutVars>
      </dgm:prSet>
      <dgm:spPr/>
    </dgm:pt>
    <dgm:pt modelId="{8C26B38D-533F-4B47-BABF-FF3211EDA73C}" type="pres">
      <dgm:prSet presAssocID="{F8834707-F5B3-4E57-A0A4-D7DCD37AFBB4}" presName="rootConnector" presStyleLbl="node2" presStyleIdx="5" presStyleCnt="6"/>
      <dgm:spPr/>
    </dgm:pt>
    <dgm:pt modelId="{8B963042-E60B-4FC2-84DB-E83F37BF4581}" type="pres">
      <dgm:prSet presAssocID="{F8834707-F5B3-4E57-A0A4-D7DCD37AFBB4}" presName="hierChild4" presStyleCnt="0"/>
      <dgm:spPr/>
    </dgm:pt>
    <dgm:pt modelId="{51E2FB4B-F434-4E88-A40F-B98088178F11}" type="pres">
      <dgm:prSet presAssocID="{5AEBCC29-4B62-45DE-88E9-2CD003D71262}" presName="Name37" presStyleLbl="parChTrans1D3" presStyleIdx="16" presStyleCnt="20" custSzY="228600"/>
      <dgm:spPr/>
    </dgm:pt>
    <dgm:pt modelId="{B84FBEC1-C3EC-4A99-A32B-485C0FCAB00C}" type="pres">
      <dgm:prSet presAssocID="{BBE4160F-29DD-4BFD-B44D-FAD39C3F05B9}" presName="hierRoot2" presStyleCnt="0">
        <dgm:presLayoutVars>
          <dgm:hierBranch val="init"/>
        </dgm:presLayoutVars>
      </dgm:prSet>
      <dgm:spPr/>
    </dgm:pt>
    <dgm:pt modelId="{71AB00A1-EC6D-406D-8BB8-BA743CB3CDC0}" type="pres">
      <dgm:prSet presAssocID="{BBE4160F-29DD-4BFD-B44D-FAD39C3F05B9}" presName="rootComposite" presStyleCnt="0"/>
      <dgm:spPr/>
    </dgm:pt>
    <dgm:pt modelId="{3CD6A0CB-B0C9-4078-A19B-C13F2D3C7E91}" type="pres">
      <dgm:prSet presAssocID="{BBE4160F-29DD-4BFD-B44D-FAD39C3F05B9}" presName="rootText" presStyleLbl="node3" presStyleIdx="16" presStyleCnt="20" custScaleY="47547">
        <dgm:presLayoutVars>
          <dgm:chPref val="3"/>
        </dgm:presLayoutVars>
      </dgm:prSet>
      <dgm:spPr/>
    </dgm:pt>
    <dgm:pt modelId="{8E658742-1048-435A-8301-3839C6BC2B2D}" type="pres">
      <dgm:prSet presAssocID="{BBE4160F-29DD-4BFD-B44D-FAD39C3F05B9}" presName="rootConnector" presStyleLbl="node3" presStyleIdx="16" presStyleCnt="20"/>
      <dgm:spPr/>
    </dgm:pt>
    <dgm:pt modelId="{4BFF504E-027F-44EA-9677-5B144B58639F}" type="pres">
      <dgm:prSet presAssocID="{BBE4160F-29DD-4BFD-B44D-FAD39C3F05B9}" presName="hierChild4" presStyleCnt="0"/>
      <dgm:spPr/>
    </dgm:pt>
    <dgm:pt modelId="{F12DBD49-C3AF-4710-9F2F-40DB5C26B70D}" type="pres">
      <dgm:prSet presAssocID="{BBE4160F-29DD-4BFD-B44D-FAD39C3F05B9}" presName="hierChild5" presStyleCnt="0"/>
      <dgm:spPr/>
    </dgm:pt>
    <dgm:pt modelId="{25501E05-7E4C-42CC-B66D-71CF136F0EDC}" type="pres">
      <dgm:prSet presAssocID="{5E11D4E0-528E-43DF-AEF0-312E8E220289}" presName="Name37" presStyleLbl="parChTrans1D3" presStyleIdx="17" presStyleCnt="20" custSzY="228600"/>
      <dgm:spPr/>
    </dgm:pt>
    <dgm:pt modelId="{E4846A93-94B5-4C76-918E-8E43CDDD62D2}" type="pres">
      <dgm:prSet presAssocID="{78974B94-96DB-4D87-92C0-49F49FBF9891}" presName="hierRoot2" presStyleCnt="0">
        <dgm:presLayoutVars>
          <dgm:hierBranch val="init"/>
        </dgm:presLayoutVars>
      </dgm:prSet>
      <dgm:spPr/>
    </dgm:pt>
    <dgm:pt modelId="{EACD2E41-E3A4-4F51-B07E-8E87D448881E}" type="pres">
      <dgm:prSet presAssocID="{78974B94-96DB-4D87-92C0-49F49FBF9891}" presName="rootComposite" presStyleCnt="0"/>
      <dgm:spPr/>
    </dgm:pt>
    <dgm:pt modelId="{F4D073D3-48E3-41EF-B9B8-C4E882766916}" type="pres">
      <dgm:prSet presAssocID="{78974B94-96DB-4D87-92C0-49F49FBF9891}" presName="rootText" presStyleLbl="node3" presStyleIdx="17" presStyleCnt="20" custScaleY="47547">
        <dgm:presLayoutVars>
          <dgm:chPref val="3"/>
        </dgm:presLayoutVars>
      </dgm:prSet>
      <dgm:spPr/>
    </dgm:pt>
    <dgm:pt modelId="{D653EC46-8B14-4B0B-A11B-D915A18C4167}" type="pres">
      <dgm:prSet presAssocID="{78974B94-96DB-4D87-92C0-49F49FBF9891}" presName="rootConnector" presStyleLbl="node3" presStyleIdx="17" presStyleCnt="20"/>
      <dgm:spPr/>
    </dgm:pt>
    <dgm:pt modelId="{B4F15C7B-006E-44F1-BFAC-88317F08B159}" type="pres">
      <dgm:prSet presAssocID="{78974B94-96DB-4D87-92C0-49F49FBF9891}" presName="hierChild4" presStyleCnt="0"/>
      <dgm:spPr/>
    </dgm:pt>
    <dgm:pt modelId="{816C7BF9-8AF2-413D-AF76-58CFFFFFF5AC}" type="pres">
      <dgm:prSet presAssocID="{78974B94-96DB-4D87-92C0-49F49FBF9891}" presName="hierChild5" presStyleCnt="0"/>
      <dgm:spPr/>
    </dgm:pt>
    <dgm:pt modelId="{E1913F09-2FFC-4504-9C02-EEC17AD15760}" type="pres">
      <dgm:prSet presAssocID="{7BA0ED38-7925-4F2F-909A-13DEFE2FC4BC}" presName="Name37" presStyleLbl="parChTrans1D3" presStyleIdx="18" presStyleCnt="20" custSzY="228600"/>
      <dgm:spPr/>
    </dgm:pt>
    <dgm:pt modelId="{33DF59D8-820C-4759-B2CD-3FE61F4E052C}" type="pres">
      <dgm:prSet presAssocID="{71319681-5C92-4887-B0DC-58AE4ED26DB1}" presName="hierRoot2" presStyleCnt="0">
        <dgm:presLayoutVars>
          <dgm:hierBranch val="init"/>
        </dgm:presLayoutVars>
      </dgm:prSet>
      <dgm:spPr/>
    </dgm:pt>
    <dgm:pt modelId="{471FF28D-58D9-4BA7-B755-E0EF86DAE70B}" type="pres">
      <dgm:prSet presAssocID="{71319681-5C92-4887-B0DC-58AE4ED26DB1}" presName="rootComposite" presStyleCnt="0"/>
      <dgm:spPr/>
    </dgm:pt>
    <dgm:pt modelId="{F166B833-C6AB-4553-A7A6-CBD7D8A2506A}" type="pres">
      <dgm:prSet presAssocID="{71319681-5C92-4887-B0DC-58AE4ED26DB1}" presName="rootText" presStyleLbl="node3" presStyleIdx="18" presStyleCnt="20" custScaleY="47547">
        <dgm:presLayoutVars>
          <dgm:chPref val="3"/>
        </dgm:presLayoutVars>
      </dgm:prSet>
      <dgm:spPr/>
    </dgm:pt>
    <dgm:pt modelId="{A5D60626-BBE6-43A8-BF44-65FDA0CC8496}" type="pres">
      <dgm:prSet presAssocID="{71319681-5C92-4887-B0DC-58AE4ED26DB1}" presName="rootConnector" presStyleLbl="node3" presStyleIdx="18" presStyleCnt="20"/>
      <dgm:spPr/>
    </dgm:pt>
    <dgm:pt modelId="{76A5CC54-5342-4721-8EF0-65245A873FC3}" type="pres">
      <dgm:prSet presAssocID="{71319681-5C92-4887-B0DC-58AE4ED26DB1}" presName="hierChild4" presStyleCnt="0"/>
      <dgm:spPr/>
    </dgm:pt>
    <dgm:pt modelId="{377DD29E-997F-4BF4-BF7C-247F19BD697B}" type="pres">
      <dgm:prSet presAssocID="{71319681-5C92-4887-B0DC-58AE4ED26DB1}" presName="hierChild5" presStyleCnt="0"/>
      <dgm:spPr/>
    </dgm:pt>
    <dgm:pt modelId="{351A5887-94D7-4773-AC9E-6307EFD26D13}" type="pres">
      <dgm:prSet presAssocID="{BA2B464B-2C55-4595-A675-3C4FF00BCAC7}" presName="Name37" presStyleLbl="parChTrans1D3" presStyleIdx="19" presStyleCnt="20" custSzY="228600"/>
      <dgm:spPr/>
    </dgm:pt>
    <dgm:pt modelId="{DFBD6C2C-8FA6-4A5A-89D9-941A93516717}" type="pres">
      <dgm:prSet presAssocID="{5376D4B9-B800-404A-8842-1D5B1A6BE1AC}" presName="hierRoot2" presStyleCnt="0">
        <dgm:presLayoutVars>
          <dgm:hierBranch val="init"/>
        </dgm:presLayoutVars>
      </dgm:prSet>
      <dgm:spPr/>
    </dgm:pt>
    <dgm:pt modelId="{20542542-7FC5-4117-928C-EFD557AE078B}" type="pres">
      <dgm:prSet presAssocID="{5376D4B9-B800-404A-8842-1D5B1A6BE1AC}" presName="rootComposite" presStyleCnt="0"/>
      <dgm:spPr/>
    </dgm:pt>
    <dgm:pt modelId="{388775F6-4231-472F-8642-3570DA63B421}" type="pres">
      <dgm:prSet presAssocID="{5376D4B9-B800-404A-8842-1D5B1A6BE1AC}" presName="rootText" presStyleLbl="node3" presStyleIdx="19" presStyleCnt="20" custScaleY="47547">
        <dgm:presLayoutVars>
          <dgm:chPref val="3"/>
        </dgm:presLayoutVars>
      </dgm:prSet>
      <dgm:spPr/>
    </dgm:pt>
    <dgm:pt modelId="{C8719CE4-C5AA-43C0-99A4-5D1A99EF17AC}" type="pres">
      <dgm:prSet presAssocID="{5376D4B9-B800-404A-8842-1D5B1A6BE1AC}" presName="rootConnector" presStyleLbl="node3" presStyleIdx="19" presStyleCnt="20"/>
      <dgm:spPr/>
    </dgm:pt>
    <dgm:pt modelId="{079B0D01-E6C0-4F48-BA36-49AC92984638}" type="pres">
      <dgm:prSet presAssocID="{5376D4B9-B800-404A-8842-1D5B1A6BE1AC}" presName="hierChild4" presStyleCnt="0"/>
      <dgm:spPr/>
    </dgm:pt>
    <dgm:pt modelId="{19A71FEB-538B-4152-8A73-65E818A1CA34}" type="pres">
      <dgm:prSet presAssocID="{5376D4B9-B800-404A-8842-1D5B1A6BE1AC}" presName="hierChild5" presStyleCnt="0"/>
      <dgm:spPr/>
    </dgm:pt>
    <dgm:pt modelId="{15557989-3D3A-4B5C-886C-8AFD0853C014}" type="pres">
      <dgm:prSet presAssocID="{F8834707-F5B3-4E57-A0A4-D7DCD37AFBB4}" presName="hierChild5" presStyleCnt="0"/>
      <dgm:spPr/>
    </dgm:pt>
    <dgm:pt modelId="{8A8B5992-07B8-499C-ABA6-CFE15D545B7E}" type="pres">
      <dgm:prSet presAssocID="{627A9606-B56A-4AD7-AD20-7CBDFF5D3315}" presName="hierChild3" presStyleCnt="0"/>
      <dgm:spPr/>
    </dgm:pt>
  </dgm:ptLst>
  <dgm:cxnLst>
    <dgm:cxn modelId="{BC075D0B-2F1B-4058-B09E-6404ADAD30D8}" type="presOf" srcId="{71319681-5C92-4887-B0DC-58AE4ED26DB1}" destId="{F166B833-C6AB-4553-A7A6-CBD7D8A2506A}" srcOrd="0" destOrd="0" presId="urn:microsoft.com/office/officeart/2005/8/layout/orgChart1"/>
    <dgm:cxn modelId="{9DCDE50C-1190-4FD6-B133-B47D26064266}" type="presOf" srcId="{5587B9DE-C795-4A80-86B6-435D8F54CE9B}" destId="{435DF1FE-BF18-4B54-9460-7ADB9668D64C}" srcOrd="0" destOrd="0" presId="urn:microsoft.com/office/officeart/2005/8/layout/orgChart1"/>
    <dgm:cxn modelId="{AA4F830E-8B3D-4FC2-8BB2-05618E192D18}" type="presOf" srcId="{4DD76486-2251-480D-BA41-39CE852D10CB}" destId="{7353C8BB-B2C3-4E05-A49B-9A7D4F522797}" srcOrd="0" destOrd="0" presId="urn:microsoft.com/office/officeart/2005/8/layout/orgChart1"/>
    <dgm:cxn modelId="{6657D30E-46F1-4639-B859-6A9D0E0F6357}" type="presOf" srcId="{C68300C9-B1F0-404E-8AD3-B2C8EFCAE7B1}" destId="{77AA6D6D-5050-4ACF-B53B-9356612F70D0}" srcOrd="1" destOrd="0" presId="urn:microsoft.com/office/officeart/2005/8/layout/orgChart1"/>
    <dgm:cxn modelId="{3E8B4F13-84A1-4A77-B000-FC473B7A8F9E}" type="presOf" srcId="{1D8539E8-588C-4362-8FAB-27B71C403ECE}" destId="{4F3C92A6-F36E-4AB5-B723-37BF4ED85A13}" srcOrd="1" destOrd="0" presId="urn:microsoft.com/office/officeart/2005/8/layout/orgChart1"/>
    <dgm:cxn modelId="{73DD9F13-5A83-491E-8D5A-16EE398DEC18}" type="presOf" srcId="{DCB4C7FB-A33F-4F32-880B-093CCD19B74B}" destId="{DD26A9E4-71F3-45AA-A73D-EA47D041C38C}" srcOrd="1" destOrd="0" presId="urn:microsoft.com/office/officeart/2005/8/layout/orgChart1"/>
    <dgm:cxn modelId="{514CCA13-F549-492C-B61C-196130C40621}" srcId="{D44F963F-C5BE-4B4E-8D6C-D5E7A39A441C}" destId="{C68300C9-B1F0-404E-8AD3-B2C8EFCAE7B1}" srcOrd="4" destOrd="0" parTransId="{A15F1230-DB54-4D09-B127-BF2C4CE2E87A}" sibTransId="{0C5EC6EA-9AF7-4B5E-AB40-4C38D335986A}"/>
    <dgm:cxn modelId="{A48CB116-D13A-40EC-9113-832179257DAA}" type="presOf" srcId="{A4B17644-F1D5-4201-A69F-C720C5DF8197}" destId="{41DF36CE-DAB8-43B8-809B-3E4A59E3BE9A}" srcOrd="1" destOrd="0" presId="urn:microsoft.com/office/officeart/2005/8/layout/orgChart1"/>
    <dgm:cxn modelId="{E211F71A-D197-41D9-B081-1A95D5DCE91D}" type="presOf" srcId="{AA38CDD1-6683-4681-B5CF-15AA27F73127}" destId="{C76BFEEB-DD88-4847-A17E-72E005057DE0}" srcOrd="0" destOrd="0" presId="urn:microsoft.com/office/officeart/2005/8/layout/orgChart1"/>
    <dgm:cxn modelId="{CBF1811E-BA7E-4DB7-A074-01769E8C36A2}" srcId="{D44F963F-C5BE-4B4E-8D6C-D5E7A39A441C}" destId="{7DEC30F0-9195-4C65-B305-D408FBC3160C}" srcOrd="3" destOrd="0" parTransId="{E428CDAD-0B4B-41F9-A58A-DEA7DD6044F2}" sibTransId="{C39ACB80-0307-4E83-BB0F-350DBA53037E}"/>
    <dgm:cxn modelId="{C8C30720-D03C-435F-9821-6FC423336FC6}" type="presOf" srcId="{F8834707-F5B3-4E57-A0A4-D7DCD37AFBB4}" destId="{4235E657-C856-45B1-95CC-6A2539F4A182}" srcOrd="0" destOrd="0" presId="urn:microsoft.com/office/officeart/2005/8/layout/orgChart1"/>
    <dgm:cxn modelId="{5D808721-DCEA-42AE-976E-8B119526F56A}" type="presOf" srcId="{62969DE7-A030-43A7-ACFE-A2A07FD4C414}" destId="{7F315924-B694-41DA-8BE3-324691512D72}" srcOrd="0" destOrd="0" presId="urn:microsoft.com/office/officeart/2005/8/layout/orgChart1"/>
    <dgm:cxn modelId="{76AF3522-CDAF-416D-8493-A28659A95EA2}" srcId="{AE40EDD5-D231-4EB2-BF55-A1D96195B796}" destId="{F08F833A-0F50-490C-8E60-4D15B054E76D}" srcOrd="1" destOrd="0" parTransId="{EE51AA4D-9697-4079-B47B-E9888F0D49F1}" sibTransId="{CD22C82D-38D8-4147-8030-F20DE8929D66}"/>
    <dgm:cxn modelId="{67928A24-1850-4CA0-A6F0-D7981A1EA8FE}" type="presOf" srcId="{34E69D6D-350F-4E11-8F09-E2C952375FA0}" destId="{3CD66D3A-7419-4132-AD2D-A4E5C6E4A5B5}" srcOrd="1" destOrd="0" presId="urn:microsoft.com/office/officeart/2005/8/layout/orgChart1"/>
    <dgm:cxn modelId="{6C9A3226-735E-4D42-AD7B-6B19BAD15C65}" type="presOf" srcId="{721DA2E0-E1DE-4D07-8F24-0B5AE5A561C7}" destId="{AE3DF7D5-84F3-4D22-91D7-B3A1DF5162B4}" srcOrd="0" destOrd="0" presId="urn:microsoft.com/office/officeart/2005/8/layout/orgChart1"/>
    <dgm:cxn modelId="{4437F428-8E02-41D5-AC64-6DFC8EE0B55A}" type="presOf" srcId="{7BA0ED38-7925-4F2F-909A-13DEFE2FC4BC}" destId="{E1913F09-2FFC-4504-9C02-EEC17AD15760}" srcOrd="0" destOrd="0" presId="urn:microsoft.com/office/officeart/2005/8/layout/orgChart1"/>
    <dgm:cxn modelId="{894CBE2C-057B-4FE7-9B6D-E7EF51EC073A}" type="presOf" srcId="{BBE4160F-29DD-4BFD-B44D-FAD39C3F05B9}" destId="{3CD6A0CB-B0C9-4078-A19B-C13F2D3C7E91}" srcOrd="0" destOrd="0" presId="urn:microsoft.com/office/officeart/2005/8/layout/orgChart1"/>
    <dgm:cxn modelId="{E40C1D2F-270A-469D-B43A-BD25561DDA99}" srcId="{02F9A00E-B2FF-4897-B5E2-B11835D989D2}" destId="{80ADFD80-7BB9-45CF-8545-63474BC004F7}" srcOrd="1" destOrd="0" parTransId="{BFF621A8-39DA-46E5-B6F2-FB9CBDA16F19}" sibTransId="{D5C8CB52-A0ED-4B6C-B2A0-E96E418C1611}"/>
    <dgm:cxn modelId="{8BC73530-B1F8-4824-9574-1C4DF1F43DB5}" type="presOf" srcId="{BBE4160F-29DD-4BFD-B44D-FAD39C3F05B9}" destId="{8E658742-1048-435A-8301-3839C6BC2B2D}" srcOrd="1" destOrd="0" presId="urn:microsoft.com/office/officeart/2005/8/layout/orgChart1"/>
    <dgm:cxn modelId="{D900A13B-4FDA-485D-994B-059AD74992C7}" type="presOf" srcId="{1BEEA89E-DA15-437F-B84A-E8352511246D}" destId="{7045D9E7-FB8E-4A15-A786-2308CECB0D36}" srcOrd="0" destOrd="0" presId="urn:microsoft.com/office/officeart/2005/8/layout/orgChart1"/>
    <dgm:cxn modelId="{AF0B455E-D131-4516-AEE7-84FFCED74E4A}" srcId="{F8834707-F5B3-4E57-A0A4-D7DCD37AFBB4}" destId="{78974B94-96DB-4D87-92C0-49F49FBF9891}" srcOrd="1" destOrd="0" parTransId="{5E11D4E0-528E-43DF-AEF0-312E8E220289}" sibTransId="{07C17A59-8C5A-496A-9417-448F334C2BC7}"/>
    <dgm:cxn modelId="{AF550541-3241-4CDE-81E5-99849EFEB539}" type="presOf" srcId="{6039E104-5135-4CD0-AA03-AC3FFE08A1B9}" destId="{1C88CB2D-11B7-4695-911E-C24042727029}" srcOrd="0" destOrd="0" presId="urn:microsoft.com/office/officeart/2005/8/layout/orgChart1"/>
    <dgm:cxn modelId="{8AA64142-6FE1-422F-9078-BA0FE23E3A5A}" type="presOf" srcId="{5376D4B9-B800-404A-8842-1D5B1A6BE1AC}" destId="{C8719CE4-C5AA-43C0-99A4-5D1A99EF17AC}" srcOrd="1" destOrd="0" presId="urn:microsoft.com/office/officeart/2005/8/layout/orgChart1"/>
    <dgm:cxn modelId="{BC44E642-DF43-4CFC-8553-5B74F1C1E175}" type="presOf" srcId="{5587B9DE-C795-4A80-86B6-435D8F54CE9B}" destId="{178C102B-8733-444D-9546-A718DA8CDE39}" srcOrd="1" destOrd="0" presId="urn:microsoft.com/office/officeart/2005/8/layout/orgChart1"/>
    <dgm:cxn modelId="{689EF662-05F1-41E8-AC7F-893D49FF574D}" type="presOf" srcId="{32807BD1-3D67-4D05-A0AD-CEC6DDC7EA75}" destId="{3A4FBEC5-5789-4C16-9D82-195F054274A2}" srcOrd="0" destOrd="0" presId="urn:microsoft.com/office/officeart/2005/8/layout/orgChart1"/>
    <dgm:cxn modelId="{CBD42F65-B64A-430C-9D91-E64E2B3BB4AD}" srcId="{D44F963F-C5BE-4B4E-8D6C-D5E7A39A441C}" destId="{77F07092-F83D-48C4-9923-594B37AA20C9}" srcOrd="2" destOrd="0" parTransId="{D5EF4C0C-FD7A-475A-8CBD-1D0B6BCE61EF}" sibTransId="{01C540F3-0DD7-4666-9C8C-B1D3022C3FD8}"/>
    <dgm:cxn modelId="{0EA6BF45-8F55-4287-8ECD-22E8F38DF49D}" type="presOf" srcId="{32807BD1-3D67-4D05-A0AD-CEC6DDC7EA75}" destId="{5AE7E046-3CFC-41D4-A49D-BE432199385C}" srcOrd="1" destOrd="0" presId="urn:microsoft.com/office/officeart/2005/8/layout/orgChart1"/>
    <dgm:cxn modelId="{32E90C46-8AE9-4576-8E34-58E340A10D0E}" srcId="{AE40EDD5-D231-4EB2-BF55-A1D96195B796}" destId="{4DD76486-2251-480D-BA41-39CE852D10CB}" srcOrd="2" destOrd="0" parTransId="{BE17AF48-793A-40FB-8182-992A291C07EE}" sibTransId="{3438F011-7CE9-407B-96A9-926A90BCBB71}"/>
    <dgm:cxn modelId="{2DFEC567-BBC6-4D69-8011-C9EC049432C8}" type="presOf" srcId="{6C983697-387D-4C27-B61F-0515C7211E04}" destId="{4760CEFD-1396-4FB8-A276-54FD6F7EDEB5}" srcOrd="0" destOrd="0" presId="urn:microsoft.com/office/officeart/2005/8/layout/orgChart1"/>
    <dgm:cxn modelId="{8DDBA268-D2B0-4585-A0B4-B545F370D010}" type="presOf" srcId="{D44F963F-C5BE-4B4E-8D6C-D5E7A39A441C}" destId="{003FFD91-9F94-435A-A119-149B61350B97}" srcOrd="1" destOrd="0" presId="urn:microsoft.com/office/officeart/2005/8/layout/orgChart1"/>
    <dgm:cxn modelId="{29516269-B1D9-4A2B-89E8-AB8E66B03D78}" srcId="{F8834707-F5B3-4E57-A0A4-D7DCD37AFBB4}" destId="{BBE4160F-29DD-4BFD-B44D-FAD39C3F05B9}" srcOrd="0" destOrd="0" parTransId="{5AEBCC29-4B62-45DE-88E9-2CD003D71262}" sibTransId="{14E00F92-5AF9-45FF-B6EE-61C0328ED690}"/>
    <dgm:cxn modelId="{BDADE569-E864-4130-8E07-6E0D6601BE2D}" srcId="{62969DE7-A030-43A7-ACFE-A2A07FD4C414}" destId="{5587B9DE-C795-4A80-86B6-435D8F54CE9B}" srcOrd="0" destOrd="0" parTransId="{37B6175F-547D-4041-A525-C441A070EE48}" sibTransId="{6DEC35B5-3111-42E1-9CBF-7722EB21030F}"/>
    <dgm:cxn modelId="{0A97926A-4AF8-4247-AF1D-785E95FACF76}" type="presOf" srcId="{77F07092-F83D-48C4-9923-594B37AA20C9}" destId="{E9667915-2CDE-4AD1-9A02-636F0D0E8E2B}" srcOrd="1" destOrd="0" presId="urn:microsoft.com/office/officeart/2005/8/layout/orgChart1"/>
    <dgm:cxn modelId="{00FE214F-0A2C-425D-A529-23DD4719DB62}" type="presOf" srcId="{EE51AA4D-9697-4079-B47B-E9888F0D49F1}" destId="{26E9A8DF-759D-4F05-A566-8CB21F8FBC0F}" srcOrd="0" destOrd="0" presId="urn:microsoft.com/office/officeart/2005/8/layout/orgChart1"/>
    <dgm:cxn modelId="{96585F51-B52C-43DD-9D55-0EF19769A63D}" type="presOf" srcId="{D5EF4C0C-FD7A-475A-8CBD-1D0B6BCE61EF}" destId="{E941B4FE-96DC-45EC-BDFC-A3A3E710951F}" srcOrd="0" destOrd="0" presId="urn:microsoft.com/office/officeart/2005/8/layout/orgChart1"/>
    <dgm:cxn modelId="{8A4E2754-D411-4917-A46E-CFA2CAF0147D}" srcId="{D44F963F-C5BE-4B4E-8D6C-D5E7A39A441C}" destId="{7529CFDB-2376-48FD-89D3-61436BD055DD}" srcOrd="0" destOrd="0" parTransId="{721DA2E0-E1DE-4D07-8F24-0B5AE5A561C7}" sibTransId="{3622AE09-D754-49F7-8C77-88AA39EBE17F}"/>
    <dgm:cxn modelId="{2EA43974-0E8F-4C36-8F9F-776C327F3152}" type="presOf" srcId="{09CF91B0-4A10-424E-BA47-460C346B996D}" destId="{F469C038-0139-402D-A678-FA73A6277913}" srcOrd="0" destOrd="0" presId="urn:microsoft.com/office/officeart/2005/8/layout/orgChart1"/>
    <dgm:cxn modelId="{F3A31C75-DFDD-4315-BB66-633E7534E783}" type="presOf" srcId="{78974B94-96DB-4D87-92C0-49F49FBF9891}" destId="{F4D073D3-48E3-41EF-B9B8-C4E882766916}" srcOrd="0" destOrd="0" presId="urn:microsoft.com/office/officeart/2005/8/layout/orgChart1"/>
    <dgm:cxn modelId="{7F3ACD75-A493-446C-BE57-E4B9E1E8C0B4}" srcId="{32807BD1-3D67-4D05-A0AD-CEC6DDC7EA75}" destId="{DCB4C7FB-A33F-4F32-880B-093CCD19B74B}" srcOrd="1" destOrd="0" parTransId="{1B346850-A5B2-4A6B-9673-45A10A3C583C}" sibTransId="{0EDD9C75-11CE-4A34-8086-94FB62975AC5}"/>
    <dgm:cxn modelId="{3C33E155-1608-4526-8A9C-EA3B8A46F1CB}" type="presOf" srcId="{77F07092-F83D-48C4-9923-594B37AA20C9}" destId="{C647A73C-974B-4899-846E-B220C59CF9AB}" srcOrd="0" destOrd="0" presId="urn:microsoft.com/office/officeart/2005/8/layout/orgChart1"/>
    <dgm:cxn modelId="{A0676176-D0DF-468A-BFF1-501F4D7CAA61}" srcId="{32807BD1-3D67-4D05-A0AD-CEC6DDC7EA75}" destId="{1D8539E8-588C-4362-8FAB-27B71C403ECE}" srcOrd="2" destOrd="0" parTransId="{6C983697-387D-4C27-B61F-0515C7211E04}" sibTransId="{13E8CFD0-55E9-430E-AFF7-60772DA7A89A}"/>
    <dgm:cxn modelId="{E4520277-17D7-4AD2-A8F5-E8B587E9E57E}" srcId="{62969DE7-A030-43A7-ACFE-A2A07FD4C414}" destId="{A4B17644-F1D5-4201-A69F-C720C5DF8197}" srcOrd="1" destOrd="0" parTransId="{AA38CDD1-6683-4681-B5CF-15AA27F73127}" sibTransId="{D89E5B50-D612-4393-B0C6-38484B436ECA}"/>
    <dgm:cxn modelId="{BDBFA658-CB62-470B-8896-CB476293F205}" type="presOf" srcId="{F08F833A-0F50-490C-8E60-4D15B054E76D}" destId="{20B9E185-3172-4896-A99C-22407B93DA6F}" srcOrd="0" destOrd="0" presId="urn:microsoft.com/office/officeart/2005/8/layout/orgChart1"/>
    <dgm:cxn modelId="{64953179-E1B6-496C-B984-DA08E08E1588}" type="presOf" srcId="{5AEBCC29-4B62-45DE-88E9-2CD003D71262}" destId="{51E2FB4B-F434-4E88-A40F-B98088178F11}" srcOrd="0" destOrd="0" presId="urn:microsoft.com/office/officeart/2005/8/layout/orgChart1"/>
    <dgm:cxn modelId="{773F8D79-5218-4D0F-B4B8-C9FD76F894A9}" srcId="{F8834707-F5B3-4E57-A0A4-D7DCD37AFBB4}" destId="{5376D4B9-B800-404A-8842-1D5B1A6BE1AC}" srcOrd="3" destOrd="0" parTransId="{BA2B464B-2C55-4595-A675-3C4FF00BCAC7}" sibTransId="{0A05433E-A4D6-4997-9EB7-AD3B514AF149}"/>
    <dgm:cxn modelId="{F76EC879-2C5B-4D97-8F7B-15B98CA4357F}" type="presOf" srcId="{65164CED-4564-46F8-B7F3-6253933C926A}" destId="{72572473-9880-48DA-AA92-972C43E7EDCE}" srcOrd="0" destOrd="0" presId="urn:microsoft.com/office/officeart/2005/8/layout/orgChart1"/>
    <dgm:cxn modelId="{E9B4977A-6BB5-4ED8-B0B7-6346DFD2BF40}" type="presOf" srcId="{F4F0FE2B-DD5A-4B64-A7C4-FD08D931BB13}" destId="{176E2CFA-4E4C-4220-A574-1D7BC27976D1}" srcOrd="0" destOrd="0" presId="urn:microsoft.com/office/officeart/2005/8/layout/orgChart1"/>
    <dgm:cxn modelId="{A56E6682-E087-4303-B89F-78E14D62B145}" type="presOf" srcId="{B6E3DB59-7FEE-4BE6-BD44-D4CC8F9DEA06}" destId="{86329780-1A9A-44D9-BDF3-DE293614BD5E}" srcOrd="1" destOrd="0" presId="urn:microsoft.com/office/officeart/2005/8/layout/orgChart1"/>
    <dgm:cxn modelId="{4ADF6E82-FA84-4993-8908-23EBF4115FB4}" type="presOf" srcId="{62969DE7-A030-43A7-ACFE-A2A07FD4C414}" destId="{C653B071-8FFC-4EC1-8EA0-84600DEC5410}" srcOrd="1" destOrd="0" presId="urn:microsoft.com/office/officeart/2005/8/layout/orgChart1"/>
    <dgm:cxn modelId="{41D05087-5161-4F80-83B8-97BF7F07629F}" type="presOf" srcId="{627A9606-B56A-4AD7-AD20-7CBDFF5D3315}" destId="{E7783ECF-0DA6-468C-9E96-6FC491AD223C}" srcOrd="1" destOrd="0" presId="urn:microsoft.com/office/officeart/2005/8/layout/orgChart1"/>
    <dgm:cxn modelId="{FE795687-E110-4215-A273-269E993CC887}" srcId="{627A9606-B56A-4AD7-AD20-7CBDFF5D3315}" destId="{F8834707-F5B3-4E57-A0A4-D7DCD37AFBB4}" srcOrd="5" destOrd="0" parTransId="{06B4FE12-4DEE-40CC-8902-F7C91077FBD4}" sibTransId="{DF670039-6F64-42B3-9872-F30A6AAF9E4E}"/>
    <dgm:cxn modelId="{C336DB89-88BC-41B0-9E34-CB3C06056CB1}" type="presOf" srcId="{A15F1230-DB54-4D09-B127-BF2C4CE2E87A}" destId="{B2167E37-82D9-4560-A9E3-FF0EB252CE98}" srcOrd="0" destOrd="0" presId="urn:microsoft.com/office/officeart/2005/8/layout/orgChart1"/>
    <dgm:cxn modelId="{B82C068C-6DF0-4CBB-8776-7155FEA86B6F}" type="presOf" srcId="{CF91DAAC-0D46-4CAA-9B2E-CD12EACFB69D}" destId="{8100F284-DE8B-469D-B1A9-0DCD93A9C044}" srcOrd="0" destOrd="0" presId="urn:microsoft.com/office/officeart/2005/8/layout/orgChart1"/>
    <dgm:cxn modelId="{36E5AB8C-D9CF-4961-85E4-30D3EE39D18D}" type="presOf" srcId="{B6E3DB59-7FEE-4BE6-BD44-D4CC8F9DEA06}" destId="{E56293E9-CC42-4D87-BB71-C0D88F66F707}" srcOrd="0" destOrd="0" presId="urn:microsoft.com/office/officeart/2005/8/layout/orgChart1"/>
    <dgm:cxn modelId="{70ADFD8C-212E-4408-82F2-A557CE169752}" type="presOf" srcId="{7DEC30F0-9195-4C65-B305-D408FBC3160C}" destId="{F28C5CBC-627B-4211-A282-F7F8E7F55F65}" srcOrd="0" destOrd="0" presId="urn:microsoft.com/office/officeart/2005/8/layout/orgChart1"/>
    <dgm:cxn modelId="{D88EB48F-CBE7-4112-B0D8-3F68132D8E71}" type="presOf" srcId="{5376D4B9-B800-404A-8842-1D5B1A6BE1AC}" destId="{388775F6-4231-472F-8642-3570DA63B421}" srcOrd="0" destOrd="0" presId="urn:microsoft.com/office/officeart/2005/8/layout/orgChart1"/>
    <dgm:cxn modelId="{226F0D90-B973-4B4B-8BBF-0FD4BFDD2C14}" srcId="{627A9606-B56A-4AD7-AD20-7CBDFF5D3315}" destId="{02F9A00E-B2FF-4897-B5E2-B11835D989D2}" srcOrd="3" destOrd="0" parTransId="{18740B3C-69AA-47BD-9586-287FB9E52AF1}" sibTransId="{5DA0123D-4B41-4068-9979-BE8C6D217AFA}"/>
    <dgm:cxn modelId="{F2217A97-3CB3-45DD-B8F9-7D4F7E72FD6F}" type="presOf" srcId="{CF91DAAC-0D46-4CAA-9B2E-CD12EACFB69D}" destId="{EF9115C8-63C4-4D9B-9AD5-C9D51B15E514}" srcOrd="1" destOrd="0" presId="urn:microsoft.com/office/officeart/2005/8/layout/orgChart1"/>
    <dgm:cxn modelId="{77D4369D-A339-4DC9-A1C0-B82D81D878AA}" srcId="{D44F963F-C5BE-4B4E-8D6C-D5E7A39A441C}" destId="{CF91DAAC-0D46-4CAA-9B2E-CD12EACFB69D}" srcOrd="1" destOrd="0" parTransId="{6039E104-5135-4CD0-AA03-AC3FFE08A1B9}" sibTransId="{A34F210C-7D03-4F58-BA0B-8E9315D9E480}"/>
    <dgm:cxn modelId="{DF99F19F-D407-46BD-BCBC-C418A32A55C6}" type="presOf" srcId="{2370AA98-14BD-4B36-93C1-F61FBF478204}" destId="{A9AE207C-BA74-4FC8-811A-9CA16ABAA75C}" srcOrd="1" destOrd="0" presId="urn:microsoft.com/office/officeart/2005/8/layout/orgChart1"/>
    <dgm:cxn modelId="{240AACA0-5717-44AA-835C-90A511FB2550}" type="presOf" srcId="{7DEC30F0-9195-4C65-B305-D408FBC3160C}" destId="{BD122A5F-FA59-4F6F-9FDC-9E3B6819CDE5}" srcOrd="1" destOrd="0" presId="urn:microsoft.com/office/officeart/2005/8/layout/orgChart1"/>
    <dgm:cxn modelId="{0BD6ADA9-C86A-4D35-8607-0843706B1991}" type="presOf" srcId="{E428CDAD-0B4B-41F9-A58A-DEA7DD6044F2}" destId="{1E09AB46-26C2-401D-8265-A23B399F396D}" srcOrd="0" destOrd="0" presId="urn:microsoft.com/office/officeart/2005/8/layout/orgChart1"/>
    <dgm:cxn modelId="{A176E5AB-3BAC-40AE-821D-62CF0AC3B630}" srcId="{627A9606-B56A-4AD7-AD20-7CBDFF5D3315}" destId="{62969DE7-A030-43A7-ACFE-A2A07FD4C414}" srcOrd="0" destOrd="0" parTransId="{54EAE3EA-6F57-4324-82BB-2079E177A7E8}" sibTransId="{A2508F57-B214-4BFB-800F-8DB56D33E77C}"/>
    <dgm:cxn modelId="{00CD45AE-396D-4019-A936-8CDF55C51A27}" type="presOf" srcId="{627A9606-B56A-4AD7-AD20-7CBDFF5D3315}" destId="{DE93D893-03D7-4C06-9427-281031F0590D}" srcOrd="0" destOrd="0" presId="urn:microsoft.com/office/officeart/2005/8/layout/orgChart1"/>
    <dgm:cxn modelId="{B543E4AE-E78E-48CB-B530-E4B6E3B33CC2}" type="presOf" srcId="{A4B17644-F1D5-4201-A69F-C720C5DF8197}" destId="{9697A35B-3FB6-4575-9E65-07D7EE0F581E}" srcOrd="0" destOrd="0" presId="urn:microsoft.com/office/officeart/2005/8/layout/orgChart1"/>
    <dgm:cxn modelId="{489556AF-92E8-429B-96A8-202203127FB2}" type="presOf" srcId="{1B346850-A5B2-4A6B-9673-45A10A3C583C}" destId="{6B563B3B-C3BC-41F2-B74A-ED7F9227E059}" srcOrd="0" destOrd="0" presId="urn:microsoft.com/office/officeart/2005/8/layout/orgChart1"/>
    <dgm:cxn modelId="{1BD6FCB0-3CD9-4345-846F-6192D3A89DC0}" type="presOf" srcId="{AE40EDD5-D231-4EB2-BF55-A1D96195B796}" destId="{F85BB661-C6E1-4117-AF93-21BDA5FBF12B}" srcOrd="1" destOrd="0" presId="urn:microsoft.com/office/officeart/2005/8/layout/orgChart1"/>
    <dgm:cxn modelId="{1DE51AB3-D197-4ADA-B1E1-C97AE5BE60F0}" srcId="{F8834707-F5B3-4E57-A0A4-D7DCD37AFBB4}" destId="{71319681-5C92-4887-B0DC-58AE4ED26DB1}" srcOrd="2" destOrd="0" parTransId="{7BA0ED38-7925-4F2F-909A-13DEFE2FC4BC}" sibTransId="{E379A2DE-91C9-4816-8A3B-8433935E8A39}"/>
    <dgm:cxn modelId="{BA5B32B3-81D3-4FCE-A8A5-89BDA4DBD80E}" srcId="{627A9606-B56A-4AD7-AD20-7CBDFF5D3315}" destId="{32807BD1-3D67-4D05-A0AD-CEC6DDC7EA75}" srcOrd="2" destOrd="0" parTransId="{0AF61A29-BD08-43C7-8844-78243E311375}" sibTransId="{A27FA187-6C2C-4396-A068-20B308B8A213}"/>
    <dgm:cxn modelId="{4E9B43B8-756F-4292-BA49-9B8CDF59FF6D}" type="presOf" srcId="{0AF61A29-BD08-43C7-8844-78243E311375}" destId="{99FFC313-D861-4492-A68D-41A4BF9B74DD}" srcOrd="0" destOrd="0" presId="urn:microsoft.com/office/officeart/2005/8/layout/orgChart1"/>
    <dgm:cxn modelId="{DDB176BC-79FB-4DBD-A97C-A44829C24C53}" type="presOf" srcId="{18740B3C-69AA-47BD-9586-287FB9E52AF1}" destId="{03B8390D-B105-42B1-A386-12C2BD520DAA}" srcOrd="0" destOrd="0" presId="urn:microsoft.com/office/officeart/2005/8/layout/orgChart1"/>
    <dgm:cxn modelId="{630394BE-95E1-4FA9-B5F4-F7E005AD567C}" type="presOf" srcId="{54EAE3EA-6F57-4324-82BB-2079E177A7E8}" destId="{B10BDDB5-89A9-459E-8733-0652A71EE3AF}" srcOrd="0" destOrd="0" presId="urn:microsoft.com/office/officeart/2005/8/layout/orgChart1"/>
    <dgm:cxn modelId="{AA98F5BF-5B26-4E6E-8415-AD46AB16F679}" type="presOf" srcId="{5E11D4E0-528E-43DF-AEF0-312E8E220289}" destId="{25501E05-7E4C-42CC-B66D-71CF136F0EDC}" srcOrd="0" destOrd="0" presId="urn:microsoft.com/office/officeart/2005/8/layout/orgChart1"/>
    <dgm:cxn modelId="{D726CBC0-487F-488F-86B0-61F4FADCBD74}" type="presOf" srcId="{BFF621A8-39DA-46E5-B6F2-FB9CBDA16F19}" destId="{5F0ED6ED-9723-4547-ADAE-E5456AD22222}" srcOrd="0" destOrd="0" presId="urn:microsoft.com/office/officeart/2005/8/layout/orgChart1"/>
    <dgm:cxn modelId="{63DF93C1-14E4-45D7-8526-FB393255FBED}" type="presOf" srcId="{2370AA98-14BD-4B36-93C1-F61FBF478204}" destId="{FF542CFF-1527-4E82-B16A-378B26C0B24A}" srcOrd="0" destOrd="0" presId="urn:microsoft.com/office/officeart/2005/8/layout/orgChart1"/>
    <dgm:cxn modelId="{F3747AC4-B9C9-4EA4-A0D2-D4F869C38539}" type="presOf" srcId="{02F9A00E-B2FF-4897-B5E2-B11835D989D2}" destId="{39566ABE-F92F-46E2-B619-324305F3111E}" srcOrd="0" destOrd="0" presId="urn:microsoft.com/office/officeart/2005/8/layout/orgChart1"/>
    <dgm:cxn modelId="{4A2F68C8-7395-4896-83E0-1BC25CF185E3}" type="presOf" srcId="{34E69D6D-350F-4E11-8F09-E2C952375FA0}" destId="{FA7BA99C-D90F-4C7F-937D-E5F30D57C66A}" srcOrd="0" destOrd="0" presId="urn:microsoft.com/office/officeart/2005/8/layout/orgChart1"/>
    <dgm:cxn modelId="{5C1343C9-FDCB-453B-9776-42BFC211254C}" type="presOf" srcId="{02F9A00E-B2FF-4897-B5E2-B11835D989D2}" destId="{370CD29B-4C5E-4004-824C-34093A57EFF4}" srcOrd="1" destOrd="0" presId="urn:microsoft.com/office/officeart/2005/8/layout/orgChart1"/>
    <dgm:cxn modelId="{A8D3ADCB-61B2-4A1B-AFE9-AFD2B5FE8722}" srcId="{32807BD1-3D67-4D05-A0AD-CEC6DDC7EA75}" destId="{2370AA98-14BD-4B36-93C1-F61FBF478204}" srcOrd="0" destOrd="0" parTransId="{C045B89A-C3EC-40D2-B0C0-026257D2EB65}" sibTransId="{122F9002-9114-458E-891C-513D8F3F7E45}"/>
    <dgm:cxn modelId="{155B11CC-C9EE-49F2-8B41-C26C80DA37D9}" type="presOf" srcId="{BA2B464B-2C55-4595-A675-3C4FF00BCAC7}" destId="{351A5887-94D7-4773-AC9E-6307EFD26D13}" srcOrd="0" destOrd="0" presId="urn:microsoft.com/office/officeart/2005/8/layout/orgChart1"/>
    <dgm:cxn modelId="{945D76CC-A115-4A4D-96DB-4D3CADAC8C78}" type="presOf" srcId="{C045B89A-C3EC-40D2-B0C0-026257D2EB65}" destId="{7B0939E3-B16B-4AB6-918E-660B4E3EA43F}" srcOrd="0" destOrd="0" presId="urn:microsoft.com/office/officeart/2005/8/layout/orgChart1"/>
    <dgm:cxn modelId="{3BD61FCE-103A-4F80-B857-B39ED653BD8D}" type="presOf" srcId="{1D8539E8-588C-4362-8FAB-27B71C403ECE}" destId="{A71FB3ED-4BFA-48B0-BA4F-A3D42C627AAC}" srcOrd="0" destOrd="0" presId="urn:microsoft.com/office/officeart/2005/8/layout/orgChart1"/>
    <dgm:cxn modelId="{2BDEA6D3-FAC6-4F20-B708-D2EE60A255C0}" type="presOf" srcId="{D44F963F-C5BE-4B4E-8D6C-D5E7A39A441C}" destId="{9CDF24FD-B1BF-42B3-8C23-49FC0B64F7E2}" srcOrd="0" destOrd="0" presId="urn:microsoft.com/office/officeart/2005/8/layout/orgChart1"/>
    <dgm:cxn modelId="{4D39F5D5-42A7-45EA-A6EC-1E1600144216}" srcId="{AE40EDD5-D231-4EB2-BF55-A1D96195B796}" destId="{B6E3DB59-7FEE-4BE6-BD44-D4CC8F9DEA06}" srcOrd="0" destOrd="0" parTransId="{09CF91B0-4A10-424E-BA47-460C346B996D}" sibTransId="{D04A7AD7-1C62-410F-8F12-BF699A2BE35C}"/>
    <dgm:cxn modelId="{D66E6ADD-1A55-445D-806A-3FC578FBAE42}" type="presOf" srcId="{06B4FE12-4DEE-40CC-8902-F7C91077FBD4}" destId="{387A4011-43D2-4172-ADD2-9D9F410616F8}" srcOrd="0" destOrd="0" presId="urn:microsoft.com/office/officeart/2005/8/layout/orgChart1"/>
    <dgm:cxn modelId="{05562FDF-9CB7-4073-8042-AE927BB1BC0A}" type="presOf" srcId="{7529CFDB-2376-48FD-89D3-61436BD055DD}" destId="{40073E45-9D06-4801-A925-5A86C5EA24D8}" srcOrd="0" destOrd="0" presId="urn:microsoft.com/office/officeart/2005/8/layout/orgChart1"/>
    <dgm:cxn modelId="{37678DDF-20AB-4C3F-AAE4-F7CBD75EB83E}" type="presOf" srcId="{78974B94-96DB-4D87-92C0-49F49FBF9891}" destId="{D653EC46-8B14-4B0B-A11B-D915A18C4167}" srcOrd="1" destOrd="0" presId="urn:microsoft.com/office/officeart/2005/8/layout/orgChart1"/>
    <dgm:cxn modelId="{C31504E1-75AA-4657-B72B-CBDBB193C294}" srcId="{627A9606-B56A-4AD7-AD20-7CBDFF5D3315}" destId="{AE40EDD5-D231-4EB2-BF55-A1D96195B796}" srcOrd="4" destOrd="0" parTransId="{00E88D35-608D-4D2B-9385-50BC56688ECC}" sibTransId="{A60222F9-9BB4-414E-8435-3A547CC36F86}"/>
    <dgm:cxn modelId="{3A2F39E1-024D-45D1-8E15-F2055CB488FF}" type="presOf" srcId="{4DD76486-2251-480D-BA41-39CE852D10CB}" destId="{9C745451-5255-4ECC-8B88-C813BAEB1A11}" srcOrd="1" destOrd="0" presId="urn:microsoft.com/office/officeart/2005/8/layout/orgChart1"/>
    <dgm:cxn modelId="{8FAC41E1-9E7B-4BDC-8EBD-30D12DA284BB}" type="presOf" srcId="{DCB4C7FB-A33F-4F32-880B-093CCD19B74B}" destId="{0D0EDD5A-8061-4852-9273-1D225B0B42FB}" srcOrd="0" destOrd="0" presId="urn:microsoft.com/office/officeart/2005/8/layout/orgChart1"/>
    <dgm:cxn modelId="{44EAE2E3-D42F-4617-8332-9CBC8ED36203}" type="presOf" srcId="{F8834707-F5B3-4E57-A0A4-D7DCD37AFBB4}" destId="{8C26B38D-533F-4B47-BABF-FF3211EDA73C}" srcOrd="1" destOrd="0" presId="urn:microsoft.com/office/officeart/2005/8/layout/orgChart1"/>
    <dgm:cxn modelId="{CCEB73E5-9A2D-4933-9E33-03C3D10C86AB}" srcId="{02F9A00E-B2FF-4897-B5E2-B11835D989D2}" destId="{F4F0FE2B-DD5A-4B64-A7C4-FD08D931BB13}" srcOrd="2" destOrd="0" parTransId="{65164CED-4564-46F8-B7F3-6253933C926A}" sibTransId="{F9AE9EF9-EDC7-4933-8A45-2741781DBAD8}"/>
    <dgm:cxn modelId="{A2F0B5E7-0326-40B7-BF21-A95A86DD25A5}" type="presOf" srcId="{F08F833A-0F50-490C-8E60-4D15B054E76D}" destId="{A955F49D-19BD-446B-80FA-C4EDA916B396}" srcOrd="1" destOrd="0" presId="urn:microsoft.com/office/officeart/2005/8/layout/orgChart1"/>
    <dgm:cxn modelId="{4D2D0DE8-3927-428C-8817-37B49A8F1871}" srcId="{627A9606-B56A-4AD7-AD20-7CBDFF5D3315}" destId="{D44F963F-C5BE-4B4E-8D6C-D5E7A39A441C}" srcOrd="1" destOrd="0" parTransId="{DA6E9733-A889-4D33-B381-0E520E9823E9}" sibTransId="{FFB3DB35-E261-49A1-BB7E-985BD94DFCED}"/>
    <dgm:cxn modelId="{20A434E8-DD78-47C4-ADB2-51BB77DA2AA9}" srcId="{FDD16752-FC69-49DE-B99F-FEA15E984002}" destId="{627A9606-B56A-4AD7-AD20-7CBDFF5D3315}" srcOrd="0" destOrd="0" parTransId="{584BFB11-C583-4EB9-B113-2E218BC2D047}" sibTransId="{9EFC399C-0071-4802-8E6D-8E7E7ED9A1BC}"/>
    <dgm:cxn modelId="{C9F7B8E8-9BA2-4AAB-B239-3EB4A934410D}" type="presOf" srcId="{80ADFD80-7BB9-45CF-8545-63474BC004F7}" destId="{69CE8032-686B-4D9F-A022-BCD80359DA80}" srcOrd="1" destOrd="0" presId="urn:microsoft.com/office/officeart/2005/8/layout/orgChart1"/>
    <dgm:cxn modelId="{1C63B8ED-CE33-45C4-A3E5-653955CB7EC1}" type="presOf" srcId="{AE40EDD5-D231-4EB2-BF55-A1D96195B796}" destId="{9CD492D0-6C4B-4E90-AFE0-C5738B8D653C}" srcOrd="0" destOrd="0" presId="urn:microsoft.com/office/officeart/2005/8/layout/orgChart1"/>
    <dgm:cxn modelId="{CD9513EF-B5C4-4A2E-881F-DD985A183BEE}" srcId="{02F9A00E-B2FF-4897-B5E2-B11835D989D2}" destId="{34E69D6D-350F-4E11-8F09-E2C952375FA0}" srcOrd="0" destOrd="0" parTransId="{1BEEA89E-DA15-437F-B84A-E8352511246D}" sibTransId="{42BE6BF9-0147-41FC-9F46-287F25D1EAC2}"/>
    <dgm:cxn modelId="{BD2CBEF0-1E26-4CB5-9459-EA071D0F3DF7}" type="presOf" srcId="{FDD16752-FC69-49DE-B99F-FEA15E984002}" destId="{F11D3A80-31AC-414A-8BB7-0187A03E5432}" srcOrd="0" destOrd="0" presId="urn:microsoft.com/office/officeart/2005/8/layout/orgChart1"/>
    <dgm:cxn modelId="{453FDFF0-DF5F-40B6-83C0-A60C14F6E88B}" type="presOf" srcId="{7529CFDB-2376-48FD-89D3-61436BD055DD}" destId="{A3C12C70-00F5-4D4F-AAF3-4DA1469C21FA}" srcOrd="1" destOrd="0" presId="urn:microsoft.com/office/officeart/2005/8/layout/orgChart1"/>
    <dgm:cxn modelId="{8B6EAAF1-9D42-4E3E-8F30-B12108442F29}" type="presOf" srcId="{DA6E9733-A889-4D33-B381-0E520E9823E9}" destId="{DB3E17BF-3604-432F-9E6E-43938F2EE7C9}" srcOrd="0" destOrd="0" presId="urn:microsoft.com/office/officeart/2005/8/layout/orgChart1"/>
    <dgm:cxn modelId="{92ADF8F1-C239-444D-85C4-7AF78DE1919B}" type="presOf" srcId="{C68300C9-B1F0-404E-8AD3-B2C8EFCAE7B1}" destId="{3902FC0E-3AE0-48DC-B0EA-C12B011687FD}" srcOrd="0" destOrd="0" presId="urn:microsoft.com/office/officeart/2005/8/layout/orgChart1"/>
    <dgm:cxn modelId="{AF8D4CF2-826E-4728-A551-34468865D996}" type="presOf" srcId="{BE17AF48-793A-40FB-8182-992A291C07EE}" destId="{CF021E55-8765-4CB7-B416-F4E95C4181DF}" srcOrd="0" destOrd="0" presId="urn:microsoft.com/office/officeart/2005/8/layout/orgChart1"/>
    <dgm:cxn modelId="{7D883EF6-3216-410B-AB39-065EA47E97BF}" type="presOf" srcId="{71319681-5C92-4887-B0DC-58AE4ED26DB1}" destId="{A5D60626-BBE6-43A8-BF44-65FDA0CC8496}" srcOrd="1" destOrd="0" presId="urn:microsoft.com/office/officeart/2005/8/layout/orgChart1"/>
    <dgm:cxn modelId="{951A12F7-4A2B-4606-8997-48E15910722D}" type="presOf" srcId="{F4F0FE2B-DD5A-4B64-A7C4-FD08D931BB13}" destId="{A4FA24CC-AFDF-4B8C-A144-82B3636DD9E4}" srcOrd="1" destOrd="0" presId="urn:microsoft.com/office/officeart/2005/8/layout/orgChart1"/>
    <dgm:cxn modelId="{40FF4CFA-75BF-4BA2-AA80-164B5AAFD2B3}" type="presOf" srcId="{00E88D35-608D-4D2B-9385-50BC56688ECC}" destId="{8900AE5B-2871-4D66-AA54-57F4721E8B9C}" srcOrd="0" destOrd="0" presId="urn:microsoft.com/office/officeart/2005/8/layout/orgChart1"/>
    <dgm:cxn modelId="{D980E3FD-81FB-44AC-AFB3-77167709830D}" type="presOf" srcId="{37B6175F-547D-4041-A525-C441A070EE48}" destId="{A41FED37-668A-48F0-8678-CBF74E63F0E3}" srcOrd="0" destOrd="0" presId="urn:microsoft.com/office/officeart/2005/8/layout/orgChart1"/>
    <dgm:cxn modelId="{054A0BFE-CF56-45A6-9F26-D04A54970B2D}" type="presOf" srcId="{80ADFD80-7BB9-45CF-8545-63474BC004F7}" destId="{F8E8C9EC-C03C-4941-A7ED-DC3D5AEC1333}" srcOrd="0" destOrd="0" presId="urn:microsoft.com/office/officeart/2005/8/layout/orgChart1"/>
    <dgm:cxn modelId="{EDA91E28-B575-4F3D-BEE7-B947922652FC}" type="presParOf" srcId="{F11D3A80-31AC-414A-8BB7-0187A03E5432}" destId="{4153E196-9B25-4666-8AA4-43B6C0F78206}" srcOrd="0" destOrd="0" presId="urn:microsoft.com/office/officeart/2005/8/layout/orgChart1"/>
    <dgm:cxn modelId="{7AC8B5C0-5304-4633-9A1B-45A841800ED8}" type="presParOf" srcId="{4153E196-9B25-4666-8AA4-43B6C0F78206}" destId="{C4D7BF9C-1D3D-4AD3-8B19-C93B8F9D53FF}" srcOrd="0" destOrd="0" presId="urn:microsoft.com/office/officeart/2005/8/layout/orgChart1"/>
    <dgm:cxn modelId="{259F7239-44B7-41A6-9600-478D614F9763}" type="presParOf" srcId="{C4D7BF9C-1D3D-4AD3-8B19-C93B8F9D53FF}" destId="{DE93D893-03D7-4C06-9427-281031F0590D}" srcOrd="0" destOrd="0" presId="urn:microsoft.com/office/officeart/2005/8/layout/orgChart1"/>
    <dgm:cxn modelId="{420C4695-1A79-4831-9AC5-D6BCFA8AD8D2}" type="presParOf" srcId="{C4D7BF9C-1D3D-4AD3-8B19-C93B8F9D53FF}" destId="{E7783ECF-0DA6-468C-9E96-6FC491AD223C}" srcOrd="1" destOrd="0" presId="urn:microsoft.com/office/officeart/2005/8/layout/orgChart1"/>
    <dgm:cxn modelId="{1CD9B5FA-0617-4163-AFCE-2AE713821DC9}" type="presParOf" srcId="{4153E196-9B25-4666-8AA4-43B6C0F78206}" destId="{1B6A62B3-D034-43D5-942A-AFBF2EE72B78}" srcOrd="1" destOrd="0" presId="urn:microsoft.com/office/officeart/2005/8/layout/orgChart1"/>
    <dgm:cxn modelId="{A6438AF0-A2CC-41DC-AB55-81AF156EEC45}" type="presParOf" srcId="{1B6A62B3-D034-43D5-942A-AFBF2EE72B78}" destId="{B10BDDB5-89A9-459E-8733-0652A71EE3AF}" srcOrd="0" destOrd="0" presId="urn:microsoft.com/office/officeart/2005/8/layout/orgChart1"/>
    <dgm:cxn modelId="{8E6730B6-7CFA-4475-8C1A-272ABB334838}" type="presParOf" srcId="{1B6A62B3-D034-43D5-942A-AFBF2EE72B78}" destId="{A5C5DD4B-F9C2-451C-93B3-D9DD7BF23691}" srcOrd="1" destOrd="0" presId="urn:microsoft.com/office/officeart/2005/8/layout/orgChart1"/>
    <dgm:cxn modelId="{DB3DABCC-2139-43B3-BEAD-57B2AE679BA0}" type="presParOf" srcId="{A5C5DD4B-F9C2-451C-93B3-D9DD7BF23691}" destId="{6BB91BEF-8DEB-4D16-B8FC-2F5F45C3222F}" srcOrd="0" destOrd="0" presId="urn:microsoft.com/office/officeart/2005/8/layout/orgChart1"/>
    <dgm:cxn modelId="{4F97B772-CE4F-40E7-A4E5-F5CA96ADE2D9}" type="presParOf" srcId="{6BB91BEF-8DEB-4D16-B8FC-2F5F45C3222F}" destId="{7F315924-B694-41DA-8BE3-324691512D72}" srcOrd="0" destOrd="0" presId="urn:microsoft.com/office/officeart/2005/8/layout/orgChart1"/>
    <dgm:cxn modelId="{0B7C28E1-1E05-4CE5-996F-72D99958AA5D}" type="presParOf" srcId="{6BB91BEF-8DEB-4D16-B8FC-2F5F45C3222F}" destId="{C653B071-8FFC-4EC1-8EA0-84600DEC5410}" srcOrd="1" destOrd="0" presId="urn:microsoft.com/office/officeart/2005/8/layout/orgChart1"/>
    <dgm:cxn modelId="{35561860-F875-46A2-8270-15FD2741BFC1}" type="presParOf" srcId="{A5C5DD4B-F9C2-451C-93B3-D9DD7BF23691}" destId="{0AF29723-F789-43C1-A658-69E81A9EACC3}" srcOrd="1" destOrd="0" presId="urn:microsoft.com/office/officeart/2005/8/layout/orgChart1"/>
    <dgm:cxn modelId="{D8130799-6E31-44C5-82B9-891813E7DAAD}" type="presParOf" srcId="{0AF29723-F789-43C1-A658-69E81A9EACC3}" destId="{A41FED37-668A-48F0-8678-CBF74E63F0E3}" srcOrd="0" destOrd="0" presId="urn:microsoft.com/office/officeart/2005/8/layout/orgChart1"/>
    <dgm:cxn modelId="{46098747-46B3-4999-862F-9A339A4C0B92}" type="presParOf" srcId="{0AF29723-F789-43C1-A658-69E81A9EACC3}" destId="{D4F55467-24D9-4173-A340-A9DE59CF262F}" srcOrd="1" destOrd="0" presId="urn:microsoft.com/office/officeart/2005/8/layout/orgChart1"/>
    <dgm:cxn modelId="{24EF1F9D-92D8-4589-A0B7-C59EA9AFD94C}" type="presParOf" srcId="{D4F55467-24D9-4173-A340-A9DE59CF262F}" destId="{8F07E25C-6ED2-4458-AB0B-43013EE51E34}" srcOrd="0" destOrd="0" presId="urn:microsoft.com/office/officeart/2005/8/layout/orgChart1"/>
    <dgm:cxn modelId="{BBA0F888-ED27-4865-9DAD-AF3AB3813DED}" type="presParOf" srcId="{8F07E25C-6ED2-4458-AB0B-43013EE51E34}" destId="{435DF1FE-BF18-4B54-9460-7ADB9668D64C}" srcOrd="0" destOrd="0" presId="urn:microsoft.com/office/officeart/2005/8/layout/orgChart1"/>
    <dgm:cxn modelId="{5CB3507D-4B2A-44F5-BC82-4496B6AE1CEE}" type="presParOf" srcId="{8F07E25C-6ED2-4458-AB0B-43013EE51E34}" destId="{178C102B-8733-444D-9546-A718DA8CDE39}" srcOrd="1" destOrd="0" presId="urn:microsoft.com/office/officeart/2005/8/layout/orgChart1"/>
    <dgm:cxn modelId="{2B0AAADB-ECC4-460D-ACEA-2E65B63021FF}" type="presParOf" srcId="{D4F55467-24D9-4173-A340-A9DE59CF262F}" destId="{8C259039-143C-43F8-99D9-B7A72F0505F8}" srcOrd="1" destOrd="0" presId="urn:microsoft.com/office/officeart/2005/8/layout/orgChart1"/>
    <dgm:cxn modelId="{CEFF253B-AAC5-4422-BF7F-293293E67253}" type="presParOf" srcId="{D4F55467-24D9-4173-A340-A9DE59CF262F}" destId="{7125DBD6-6161-4679-9BBC-5036D2F1A7A4}" srcOrd="2" destOrd="0" presId="urn:microsoft.com/office/officeart/2005/8/layout/orgChart1"/>
    <dgm:cxn modelId="{5F0B2886-AD4F-47C8-8892-FDB02219A67C}" type="presParOf" srcId="{0AF29723-F789-43C1-A658-69E81A9EACC3}" destId="{C76BFEEB-DD88-4847-A17E-72E005057DE0}" srcOrd="2" destOrd="0" presId="urn:microsoft.com/office/officeart/2005/8/layout/orgChart1"/>
    <dgm:cxn modelId="{7EA3FC98-A809-44B9-8579-282A54BC8FA3}" type="presParOf" srcId="{0AF29723-F789-43C1-A658-69E81A9EACC3}" destId="{EF8DB698-4472-401E-A483-6D03C271D22A}" srcOrd="3" destOrd="0" presId="urn:microsoft.com/office/officeart/2005/8/layout/orgChart1"/>
    <dgm:cxn modelId="{6D61F980-FD2C-4E62-BCC8-6DFFFF80DE6F}" type="presParOf" srcId="{EF8DB698-4472-401E-A483-6D03C271D22A}" destId="{79C4AAAE-E63C-481F-97AC-FDBF0B71AF1A}" srcOrd="0" destOrd="0" presId="urn:microsoft.com/office/officeart/2005/8/layout/orgChart1"/>
    <dgm:cxn modelId="{AF7D80BA-5B1F-482A-A0DC-2EB46B2FC48C}" type="presParOf" srcId="{79C4AAAE-E63C-481F-97AC-FDBF0B71AF1A}" destId="{9697A35B-3FB6-4575-9E65-07D7EE0F581E}" srcOrd="0" destOrd="0" presId="urn:microsoft.com/office/officeart/2005/8/layout/orgChart1"/>
    <dgm:cxn modelId="{CBA0DA00-A7C4-49D9-BA64-4972C010BAED}" type="presParOf" srcId="{79C4AAAE-E63C-481F-97AC-FDBF0B71AF1A}" destId="{41DF36CE-DAB8-43B8-809B-3E4A59E3BE9A}" srcOrd="1" destOrd="0" presId="urn:microsoft.com/office/officeart/2005/8/layout/orgChart1"/>
    <dgm:cxn modelId="{25FD6C4B-7159-467F-8AB9-B210D85AEA86}" type="presParOf" srcId="{EF8DB698-4472-401E-A483-6D03C271D22A}" destId="{57022357-9DB0-4665-B39E-31E465282B9C}" srcOrd="1" destOrd="0" presId="urn:microsoft.com/office/officeart/2005/8/layout/orgChart1"/>
    <dgm:cxn modelId="{E25BB710-C10C-4DEF-9B05-B7FCBC842126}" type="presParOf" srcId="{EF8DB698-4472-401E-A483-6D03C271D22A}" destId="{96FF413C-A2BE-48AE-AE4E-70DC381E54D0}" srcOrd="2" destOrd="0" presId="urn:microsoft.com/office/officeart/2005/8/layout/orgChart1"/>
    <dgm:cxn modelId="{34A7DCA8-B04B-4D33-AEE7-C3F7CC496258}" type="presParOf" srcId="{A5C5DD4B-F9C2-451C-93B3-D9DD7BF23691}" destId="{857D4559-8CE9-48A4-8564-5B458F81AEB4}" srcOrd="2" destOrd="0" presId="urn:microsoft.com/office/officeart/2005/8/layout/orgChart1"/>
    <dgm:cxn modelId="{E2868AFC-E837-4E65-8041-5C133F741EEB}" type="presParOf" srcId="{1B6A62B3-D034-43D5-942A-AFBF2EE72B78}" destId="{DB3E17BF-3604-432F-9E6E-43938F2EE7C9}" srcOrd="2" destOrd="0" presId="urn:microsoft.com/office/officeart/2005/8/layout/orgChart1"/>
    <dgm:cxn modelId="{09850919-41ED-41FD-94EB-A40DA21CC7FE}" type="presParOf" srcId="{1B6A62B3-D034-43D5-942A-AFBF2EE72B78}" destId="{2D811C1F-F03B-44B2-8820-196A768C6399}" srcOrd="3" destOrd="0" presId="urn:microsoft.com/office/officeart/2005/8/layout/orgChart1"/>
    <dgm:cxn modelId="{F192CF08-89F0-4292-9A3C-C118808DA2F9}" type="presParOf" srcId="{2D811C1F-F03B-44B2-8820-196A768C6399}" destId="{01D2FEB2-4928-48EA-B290-67F06AE951B6}" srcOrd="0" destOrd="0" presId="urn:microsoft.com/office/officeart/2005/8/layout/orgChart1"/>
    <dgm:cxn modelId="{C145F129-E4CF-4A8D-9910-78EE1686ECE9}" type="presParOf" srcId="{01D2FEB2-4928-48EA-B290-67F06AE951B6}" destId="{9CDF24FD-B1BF-42B3-8C23-49FC0B64F7E2}" srcOrd="0" destOrd="0" presId="urn:microsoft.com/office/officeart/2005/8/layout/orgChart1"/>
    <dgm:cxn modelId="{D1A77534-58A6-42AC-8A80-011A1AF5ADB3}" type="presParOf" srcId="{01D2FEB2-4928-48EA-B290-67F06AE951B6}" destId="{003FFD91-9F94-435A-A119-149B61350B97}" srcOrd="1" destOrd="0" presId="urn:microsoft.com/office/officeart/2005/8/layout/orgChart1"/>
    <dgm:cxn modelId="{89A1BD98-5F4F-4F99-9D85-F01182F70EDD}" type="presParOf" srcId="{2D811C1F-F03B-44B2-8820-196A768C6399}" destId="{23EB1A76-A2FD-4125-9599-E78DEB957532}" srcOrd="1" destOrd="0" presId="urn:microsoft.com/office/officeart/2005/8/layout/orgChart1"/>
    <dgm:cxn modelId="{A40B8BCF-5E5C-46CA-87D6-D8B4C7E814FD}" type="presParOf" srcId="{23EB1A76-A2FD-4125-9599-E78DEB957532}" destId="{AE3DF7D5-84F3-4D22-91D7-B3A1DF5162B4}" srcOrd="0" destOrd="0" presId="urn:microsoft.com/office/officeart/2005/8/layout/orgChart1"/>
    <dgm:cxn modelId="{D5A0683A-9F60-4D63-BF16-B336D4CF4294}" type="presParOf" srcId="{23EB1A76-A2FD-4125-9599-E78DEB957532}" destId="{AD0C83B3-5498-4862-9295-44038EA32CF3}" srcOrd="1" destOrd="0" presId="urn:microsoft.com/office/officeart/2005/8/layout/orgChart1"/>
    <dgm:cxn modelId="{3010D70F-0429-4794-A2F4-12948074C815}" type="presParOf" srcId="{AD0C83B3-5498-4862-9295-44038EA32CF3}" destId="{45702F43-4953-4F4E-AAC7-A5739E26643F}" srcOrd="0" destOrd="0" presId="urn:microsoft.com/office/officeart/2005/8/layout/orgChart1"/>
    <dgm:cxn modelId="{489E2914-146C-4911-B549-8280FBB4636B}" type="presParOf" srcId="{45702F43-4953-4F4E-AAC7-A5739E26643F}" destId="{40073E45-9D06-4801-A925-5A86C5EA24D8}" srcOrd="0" destOrd="0" presId="urn:microsoft.com/office/officeart/2005/8/layout/orgChart1"/>
    <dgm:cxn modelId="{AE85786B-597B-4CBC-BF7B-A1C66FDB18D1}" type="presParOf" srcId="{45702F43-4953-4F4E-AAC7-A5739E26643F}" destId="{A3C12C70-00F5-4D4F-AAF3-4DA1469C21FA}" srcOrd="1" destOrd="0" presId="urn:microsoft.com/office/officeart/2005/8/layout/orgChart1"/>
    <dgm:cxn modelId="{C3501EB4-C9B0-4790-81AF-0E9789416E2A}" type="presParOf" srcId="{AD0C83B3-5498-4862-9295-44038EA32CF3}" destId="{D3BE81AE-29AC-4A66-92C3-6EE2E663C522}" srcOrd="1" destOrd="0" presId="urn:microsoft.com/office/officeart/2005/8/layout/orgChart1"/>
    <dgm:cxn modelId="{42BE39A4-5928-47AA-8899-5CAFF1EDB631}" type="presParOf" srcId="{AD0C83B3-5498-4862-9295-44038EA32CF3}" destId="{1EA73FAD-7A83-449C-8FA4-2C6B3D7BBA96}" srcOrd="2" destOrd="0" presId="urn:microsoft.com/office/officeart/2005/8/layout/orgChart1"/>
    <dgm:cxn modelId="{D290F8EB-7794-4DCB-9820-E058B2C140BB}" type="presParOf" srcId="{23EB1A76-A2FD-4125-9599-E78DEB957532}" destId="{1C88CB2D-11B7-4695-911E-C24042727029}" srcOrd="2" destOrd="0" presId="urn:microsoft.com/office/officeart/2005/8/layout/orgChart1"/>
    <dgm:cxn modelId="{85BEE3CF-5A36-4399-B28A-67FAF8602D09}" type="presParOf" srcId="{23EB1A76-A2FD-4125-9599-E78DEB957532}" destId="{5610C14F-7741-4471-A239-478C78891524}" srcOrd="3" destOrd="0" presId="urn:microsoft.com/office/officeart/2005/8/layout/orgChart1"/>
    <dgm:cxn modelId="{B2D16332-8CB1-46C8-A900-6EFD43709263}" type="presParOf" srcId="{5610C14F-7741-4471-A239-478C78891524}" destId="{FAAA0181-EFE8-4F89-AE8C-3E3D841B2CB9}" srcOrd="0" destOrd="0" presId="urn:microsoft.com/office/officeart/2005/8/layout/orgChart1"/>
    <dgm:cxn modelId="{67C16EBE-EC27-43F9-9939-933A98EDDCA5}" type="presParOf" srcId="{FAAA0181-EFE8-4F89-AE8C-3E3D841B2CB9}" destId="{8100F284-DE8B-469D-B1A9-0DCD93A9C044}" srcOrd="0" destOrd="0" presId="urn:microsoft.com/office/officeart/2005/8/layout/orgChart1"/>
    <dgm:cxn modelId="{973A5FAD-CA9B-4F2C-9B08-0421F87C74C0}" type="presParOf" srcId="{FAAA0181-EFE8-4F89-AE8C-3E3D841B2CB9}" destId="{EF9115C8-63C4-4D9B-9AD5-C9D51B15E514}" srcOrd="1" destOrd="0" presId="urn:microsoft.com/office/officeart/2005/8/layout/orgChart1"/>
    <dgm:cxn modelId="{DD6E91E4-ADD1-4DF2-A2DD-83E551203744}" type="presParOf" srcId="{5610C14F-7741-4471-A239-478C78891524}" destId="{418468F2-85A8-499C-A6F9-52ABC88C8FFC}" srcOrd="1" destOrd="0" presId="urn:microsoft.com/office/officeart/2005/8/layout/orgChart1"/>
    <dgm:cxn modelId="{4EF8F90E-EAB1-4A6B-84C4-316931780A81}" type="presParOf" srcId="{5610C14F-7741-4471-A239-478C78891524}" destId="{577DA01B-E96E-4E55-BF49-1382FC503D88}" srcOrd="2" destOrd="0" presId="urn:microsoft.com/office/officeart/2005/8/layout/orgChart1"/>
    <dgm:cxn modelId="{4884150F-1EE3-4F47-B5FE-A64335C80517}" type="presParOf" srcId="{23EB1A76-A2FD-4125-9599-E78DEB957532}" destId="{E941B4FE-96DC-45EC-BDFC-A3A3E710951F}" srcOrd="4" destOrd="0" presId="urn:microsoft.com/office/officeart/2005/8/layout/orgChart1"/>
    <dgm:cxn modelId="{6E1B2822-5976-451A-9142-ED05C4728B4F}" type="presParOf" srcId="{23EB1A76-A2FD-4125-9599-E78DEB957532}" destId="{0231F497-83FA-4F19-A0EE-33C30CA4E56E}" srcOrd="5" destOrd="0" presId="urn:microsoft.com/office/officeart/2005/8/layout/orgChart1"/>
    <dgm:cxn modelId="{CF8D9B9F-1D96-4B30-A4E1-9FC6FFD3FB16}" type="presParOf" srcId="{0231F497-83FA-4F19-A0EE-33C30CA4E56E}" destId="{CCBB0232-2D29-42D4-9BD0-8BD19E9FB829}" srcOrd="0" destOrd="0" presId="urn:microsoft.com/office/officeart/2005/8/layout/orgChart1"/>
    <dgm:cxn modelId="{1050184D-4347-467F-9330-A067CDF7DA16}" type="presParOf" srcId="{CCBB0232-2D29-42D4-9BD0-8BD19E9FB829}" destId="{C647A73C-974B-4899-846E-B220C59CF9AB}" srcOrd="0" destOrd="0" presId="urn:microsoft.com/office/officeart/2005/8/layout/orgChart1"/>
    <dgm:cxn modelId="{79CBB960-0E08-4FEE-AA61-66C06E6D3056}" type="presParOf" srcId="{CCBB0232-2D29-42D4-9BD0-8BD19E9FB829}" destId="{E9667915-2CDE-4AD1-9A02-636F0D0E8E2B}" srcOrd="1" destOrd="0" presId="urn:microsoft.com/office/officeart/2005/8/layout/orgChart1"/>
    <dgm:cxn modelId="{7A5FD801-4389-481A-82A3-CDDBC4266782}" type="presParOf" srcId="{0231F497-83FA-4F19-A0EE-33C30CA4E56E}" destId="{E5C66B3B-D95F-4B64-A309-496760F8AA0A}" srcOrd="1" destOrd="0" presId="urn:microsoft.com/office/officeart/2005/8/layout/orgChart1"/>
    <dgm:cxn modelId="{4E9C07C6-86ED-41D7-AE3D-A7BF62CF5F49}" type="presParOf" srcId="{0231F497-83FA-4F19-A0EE-33C30CA4E56E}" destId="{D02D87E1-BE3D-46B7-86A3-D6EDBD67A325}" srcOrd="2" destOrd="0" presId="urn:microsoft.com/office/officeart/2005/8/layout/orgChart1"/>
    <dgm:cxn modelId="{2901BA18-577D-48C8-A2DA-596641839B6C}" type="presParOf" srcId="{23EB1A76-A2FD-4125-9599-E78DEB957532}" destId="{1E09AB46-26C2-401D-8265-A23B399F396D}" srcOrd="6" destOrd="0" presId="urn:microsoft.com/office/officeart/2005/8/layout/orgChart1"/>
    <dgm:cxn modelId="{8998B52A-3398-4289-ABCA-57BD04140462}" type="presParOf" srcId="{23EB1A76-A2FD-4125-9599-E78DEB957532}" destId="{5C79CD07-7F2C-4F50-BC51-BFD4C3F51B91}" srcOrd="7" destOrd="0" presId="urn:microsoft.com/office/officeart/2005/8/layout/orgChart1"/>
    <dgm:cxn modelId="{53D1B151-DA67-48CE-94D1-AE9ADF3259E0}" type="presParOf" srcId="{5C79CD07-7F2C-4F50-BC51-BFD4C3F51B91}" destId="{C2B98067-3EE5-40F7-BB12-E4F2ABD98125}" srcOrd="0" destOrd="0" presId="urn:microsoft.com/office/officeart/2005/8/layout/orgChart1"/>
    <dgm:cxn modelId="{0C942D0E-C6F8-4121-941D-2032361067D1}" type="presParOf" srcId="{C2B98067-3EE5-40F7-BB12-E4F2ABD98125}" destId="{F28C5CBC-627B-4211-A282-F7F8E7F55F65}" srcOrd="0" destOrd="0" presId="urn:microsoft.com/office/officeart/2005/8/layout/orgChart1"/>
    <dgm:cxn modelId="{37CA1846-E33A-4C70-A0C8-46C46BE1BE7D}" type="presParOf" srcId="{C2B98067-3EE5-40F7-BB12-E4F2ABD98125}" destId="{BD122A5F-FA59-4F6F-9FDC-9E3B6819CDE5}" srcOrd="1" destOrd="0" presId="urn:microsoft.com/office/officeart/2005/8/layout/orgChart1"/>
    <dgm:cxn modelId="{4ABCA97D-7A86-4F45-B353-66F3334D3EF4}" type="presParOf" srcId="{5C79CD07-7F2C-4F50-BC51-BFD4C3F51B91}" destId="{A1701E71-9950-4D6E-8F18-6554248A799F}" srcOrd="1" destOrd="0" presId="urn:microsoft.com/office/officeart/2005/8/layout/orgChart1"/>
    <dgm:cxn modelId="{403B772B-E047-48F8-A387-046B41D6CBC5}" type="presParOf" srcId="{5C79CD07-7F2C-4F50-BC51-BFD4C3F51B91}" destId="{40FB2E4D-27E3-4215-ACB3-2F1C10DDBB7D}" srcOrd="2" destOrd="0" presId="urn:microsoft.com/office/officeart/2005/8/layout/orgChart1"/>
    <dgm:cxn modelId="{445D48E1-F567-4B6B-AEBC-F534549653BA}" type="presParOf" srcId="{23EB1A76-A2FD-4125-9599-E78DEB957532}" destId="{B2167E37-82D9-4560-A9E3-FF0EB252CE98}" srcOrd="8" destOrd="0" presId="urn:microsoft.com/office/officeart/2005/8/layout/orgChart1"/>
    <dgm:cxn modelId="{380C953F-8186-4245-AEAF-70ADA7C20C4D}" type="presParOf" srcId="{23EB1A76-A2FD-4125-9599-E78DEB957532}" destId="{84128803-1E9B-42D2-AD90-E737F3720D17}" srcOrd="9" destOrd="0" presId="urn:microsoft.com/office/officeart/2005/8/layout/orgChart1"/>
    <dgm:cxn modelId="{BFDEC0D9-F521-4C53-AE68-D3A8E5C902AF}" type="presParOf" srcId="{84128803-1E9B-42D2-AD90-E737F3720D17}" destId="{9D852AF4-427A-4A10-A45D-D141F917A4ED}" srcOrd="0" destOrd="0" presId="urn:microsoft.com/office/officeart/2005/8/layout/orgChart1"/>
    <dgm:cxn modelId="{23B15C68-40D1-430C-9F7F-BB6558067E35}" type="presParOf" srcId="{9D852AF4-427A-4A10-A45D-D141F917A4ED}" destId="{3902FC0E-3AE0-48DC-B0EA-C12B011687FD}" srcOrd="0" destOrd="0" presId="urn:microsoft.com/office/officeart/2005/8/layout/orgChart1"/>
    <dgm:cxn modelId="{2A6EF8B4-E7EF-4D69-BEFF-937381597E6E}" type="presParOf" srcId="{9D852AF4-427A-4A10-A45D-D141F917A4ED}" destId="{77AA6D6D-5050-4ACF-B53B-9356612F70D0}" srcOrd="1" destOrd="0" presId="urn:microsoft.com/office/officeart/2005/8/layout/orgChart1"/>
    <dgm:cxn modelId="{0E471A06-6E62-44A5-A287-CCC3DBB10625}" type="presParOf" srcId="{84128803-1E9B-42D2-AD90-E737F3720D17}" destId="{6F70EBB8-D74C-4C4A-AB8C-3EAAFCAB6680}" srcOrd="1" destOrd="0" presId="urn:microsoft.com/office/officeart/2005/8/layout/orgChart1"/>
    <dgm:cxn modelId="{877F0EC0-BB54-40E3-AEA0-1DDD690BBD8B}" type="presParOf" srcId="{84128803-1E9B-42D2-AD90-E737F3720D17}" destId="{90A3EBC4-D586-413C-99A7-E8560E624556}" srcOrd="2" destOrd="0" presId="urn:microsoft.com/office/officeart/2005/8/layout/orgChart1"/>
    <dgm:cxn modelId="{04BD7357-49CC-409C-B3DD-758CAB5B90D1}" type="presParOf" srcId="{2D811C1F-F03B-44B2-8820-196A768C6399}" destId="{6A2F9151-B589-438B-A3A2-3623235EF432}" srcOrd="2" destOrd="0" presId="urn:microsoft.com/office/officeart/2005/8/layout/orgChart1"/>
    <dgm:cxn modelId="{7E9D121A-8A52-4B42-AC3E-F71937AE04C2}" type="presParOf" srcId="{1B6A62B3-D034-43D5-942A-AFBF2EE72B78}" destId="{99FFC313-D861-4492-A68D-41A4BF9B74DD}" srcOrd="4" destOrd="0" presId="urn:microsoft.com/office/officeart/2005/8/layout/orgChart1"/>
    <dgm:cxn modelId="{7737E1FF-80FE-4906-974C-6BC4034E2596}" type="presParOf" srcId="{1B6A62B3-D034-43D5-942A-AFBF2EE72B78}" destId="{6C8BFF1B-B517-4708-89E7-1C4FBF26A590}" srcOrd="5" destOrd="0" presId="urn:microsoft.com/office/officeart/2005/8/layout/orgChart1"/>
    <dgm:cxn modelId="{500B2374-1659-4C10-8276-3AB5278CB5B1}" type="presParOf" srcId="{6C8BFF1B-B517-4708-89E7-1C4FBF26A590}" destId="{6BBF13B4-9FE8-4E4B-9C3F-7F1633CF6D97}" srcOrd="0" destOrd="0" presId="urn:microsoft.com/office/officeart/2005/8/layout/orgChart1"/>
    <dgm:cxn modelId="{C94B2CB2-3827-4EB8-B263-6172747BBAA0}" type="presParOf" srcId="{6BBF13B4-9FE8-4E4B-9C3F-7F1633CF6D97}" destId="{3A4FBEC5-5789-4C16-9D82-195F054274A2}" srcOrd="0" destOrd="0" presId="urn:microsoft.com/office/officeart/2005/8/layout/orgChart1"/>
    <dgm:cxn modelId="{8C1D6194-A8CF-4959-A8A3-409470F6111B}" type="presParOf" srcId="{6BBF13B4-9FE8-4E4B-9C3F-7F1633CF6D97}" destId="{5AE7E046-3CFC-41D4-A49D-BE432199385C}" srcOrd="1" destOrd="0" presId="urn:microsoft.com/office/officeart/2005/8/layout/orgChart1"/>
    <dgm:cxn modelId="{166F5015-3D15-475F-8146-CD4B4DEDA493}" type="presParOf" srcId="{6C8BFF1B-B517-4708-89E7-1C4FBF26A590}" destId="{3CD15704-95D1-470F-8C2F-B5E35BA6D4C6}" srcOrd="1" destOrd="0" presId="urn:microsoft.com/office/officeart/2005/8/layout/orgChart1"/>
    <dgm:cxn modelId="{7832853A-F6F5-4159-BCFD-077B7B556808}" type="presParOf" srcId="{3CD15704-95D1-470F-8C2F-B5E35BA6D4C6}" destId="{7B0939E3-B16B-4AB6-918E-660B4E3EA43F}" srcOrd="0" destOrd="0" presId="urn:microsoft.com/office/officeart/2005/8/layout/orgChart1"/>
    <dgm:cxn modelId="{5ABA7354-DB7B-464F-A2D3-58BE97B8E60F}" type="presParOf" srcId="{3CD15704-95D1-470F-8C2F-B5E35BA6D4C6}" destId="{13C5AA8C-B3D1-4CE2-A370-D8B8B04EEF75}" srcOrd="1" destOrd="0" presId="urn:microsoft.com/office/officeart/2005/8/layout/orgChart1"/>
    <dgm:cxn modelId="{5A2CE426-6210-4B3C-B97C-9B7CED817F9E}" type="presParOf" srcId="{13C5AA8C-B3D1-4CE2-A370-D8B8B04EEF75}" destId="{02B2AD80-6C57-492E-8A48-41712A795667}" srcOrd="0" destOrd="0" presId="urn:microsoft.com/office/officeart/2005/8/layout/orgChart1"/>
    <dgm:cxn modelId="{1FBBCBDC-2585-42E8-BC81-6CBEB686437B}" type="presParOf" srcId="{02B2AD80-6C57-492E-8A48-41712A795667}" destId="{FF542CFF-1527-4E82-B16A-378B26C0B24A}" srcOrd="0" destOrd="0" presId="urn:microsoft.com/office/officeart/2005/8/layout/orgChart1"/>
    <dgm:cxn modelId="{3A038C53-9461-494A-AA0A-CC7E11543E89}" type="presParOf" srcId="{02B2AD80-6C57-492E-8A48-41712A795667}" destId="{A9AE207C-BA74-4FC8-811A-9CA16ABAA75C}" srcOrd="1" destOrd="0" presId="urn:microsoft.com/office/officeart/2005/8/layout/orgChart1"/>
    <dgm:cxn modelId="{B1631FD0-2E71-4846-8AF5-BD6DF2130BA3}" type="presParOf" srcId="{13C5AA8C-B3D1-4CE2-A370-D8B8B04EEF75}" destId="{5E07DEA1-2C46-4CD6-9D57-5F5FDEBE62D9}" srcOrd="1" destOrd="0" presId="urn:microsoft.com/office/officeart/2005/8/layout/orgChart1"/>
    <dgm:cxn modelId="{70B79784-03B1-4A85-90DA-262BE87077F3}" type="presParOf" srcId="{13C5AA8C-B3D1-4CE2-A370-D8B8B04EEF75}" destId="{43EE6866-CB2B-4DB4-959E-63AEBFD912F5}" srcOrd="2" destOrd="0" presId="urn:microsoft.com/office/officeart/2005/8/layout/orgChart1"/>
    <dgm:cxn modelId="{07D1AEAE-92F0-4EBC-813C-41638B8510EE}" type="presParOf" srcId="{3CD15704-95D1-470F-8C2F-B5E35BA6D4C6}" destId="{6B563B3B-C3BC-41F2-B74A-ED7F9227E059}" srcOrd="2" destOrd="0" presId="urn:microsoft.com/office/officeart/2005/8/layout/orgChart1"/>
    <dgm:cxn modelId="{A2B3C897-7A89-4914-AB73-DE4014CABE26}" type="presParOf" srcId="{3CD15704-95D1-470F-8C2F-B5E35BA6D4C6}" destId="{C9C0FF27-B52C-4490-9E28-39387B654444}" srcOrd="3" destOrd="0" presId="urn:microsoft.com/office/officeart/2005/8/layout/orgChart1"/>
    <dgm:cxn modelId="{E27DE542-2CCF-46AB-8ADF-033CCA3284E9}" type="presParOf" srcId="{C9C0FF27-B52C-4490-9E28-39387B654444}" destId="{C432673D-25D4-46FF-BBC1-27F6FC08796B}" srcOrd="0" destOrd="0" presId="urn:microsoft.com/office/officeart/2005/8/layout/orgChart1"/>
    <dgm:cxn modelId="{68BDDC66-CE36-4F7C-9A43-DAF1B12C9B60}" type="presParOf" srcId="{C432673D-25D4-46FF-BBC1-27F6FC08796B}" destId="{0D0EDD5A-8061-4852-9273-1D225B0B42FB}" srcOrd="0" destOrd="0" presId="urn:microsoft.com/office/officeart/2005/8/layout/orgChart1"/>
    <dgm:cxn modelId="{1D240CCB-A8D6-40D5-9158-0C3E40DDB901}" type="presParOf" srcId="{C432673D-25D4-46FF-BBC1-27F6FC08796B}" destId="{DD26A9E4-71F3-45AA-A73D-EA47D041C38C}" srcOrd="1" destOrd="0" presId="urn:microsoft.com/office/officeart/2005/8/layout/orgChart1"/>
    <dgm:cxn modelId="{746A0363-7EAF-4DC6-A450-B3354482456F}" type="presParOf" srcId="{C9C0FF27-B52C-4490-9E28-39387B654444}" destId="{98EDBD83-AB30-410B-84E2-AABE373DFBA5}" srcOrd="1" destOrd="0" presId="urn:microsoft.com/office/officeart/2005/8/layout/orgChart1"/>
    <dgm:cxn modelId="{468A4283-E92B-48CF-B41F-BFE693F56601}" type="presParOf" srcId="{C9C0FF27-B52C-4490-9E28-39387B654444}" destId="{99A3AE92-ECB6-4020-8A6D-9E359F20EAB3}" srcOrd="2" destOrd="0" presId="urn:microsoft.com/office/officeart/2005/8/layout/orgChart1"/>
    <dgm:cxn modelId="{80B20F9E-215D-46A4-A304-B121D2B50DE0}" type="presParOf" srcId="{3CD15704-95D1-470F-8C2F-B5E35BA6D4C6}" destId="{4760CEFD-1396-4FB8-A276-54FD6F7EDEB5}" srcOrd="4" destOrd="0" presId="urn:microsoft.com/office/officeart/2005/8/layout/orgChart1"/>
    <dgm:cxn modelId="{1D859B3C-1314-47F7-B202-21F9F44AFE18}" type="presParOf" srcId="{3CD15704-95D1-470F-8C2F-B5E35BA6D4C6}" destId="{4C3C20D2-3520-487C-AD8E-4C809571185E}" srcOrd="5" destOrd="0" presId="urn:microsoft.com/office/officeart/2005/8/layout/orgChart1"/>
    <dgm:cxn modelId="{1E85973A-6724-4B3F-B520-9CA78CB9513F}" type="presParOf" srcId="{4C3C20D2-3520-487C-AD8E-4C809571185E}" destId="{B7044EDA-57D6-4017-8B8B-8BD476B683A7}" srcOrd="0" destOrd="0" presId="urn:microsoft.com/office/officeart/2005/8/layout/orgChart1"/>
    <dgm:cxn modelId="{55AD392E-C717-4C52-9589-87DD588567A2}" type="presParOf" srcId="{B7044EDA-57D6-4017-8B8B-8BD476B683A7}" destId="{A71FB3ED-4BFA-48B0-BA4F-A3D42C627AAC}" srcOrd="0" destOrd="0" presId="urn:microsoft.com/office/officeart/2005/8/layout/orgChart1"/>
    <dgm:cxn modelId="{FE04C6EA-9ECB-4364-92D5-E523E845869B}" type="presParOf" srcId="{B7044EDA-57D6-4017-8B8B-8BD476B683A7}" destId="{4F3C92A6-F36E-4AB5-B723-37BF4ED85A13}" srcOrd="1" destOrd="0" presId="urn:microsoft.com/office/officeart/2005/8/layout/orgChart1"/>
    <dgm:cxn modelId="{C02794BB-78A9-4917-9733-F6AB96796959}" type="presParOf" srcId="{4C3C20D2-3520-487C-AD8E-4C809571185E}" destId="{C4B9DD58-D31A-45A5-91A7-26D9D05CE2B3}" srcOrd="1" destOrd="0" presId="urn:microsoft.com/office/officeart/2005/8/layout/orgChart1"/>
    <dgm:cxn modelId="{C2C7530A-6343-47DC-9953-360494306A2A}" type="presParOf" srcId="{4C3C20D2-3520-487C-AD8E-4C809571185E}" destId="{97ACD0A0-51D6-4925-859B-B884914534F5}" srcOrd="2" destOrd="0" presId="urn:microsoft.com/office/officeart/2005/8/layout/orgChart1"/>
    <dgm:cxn modelId="{DF8217A0-EFE2-4B07-A3CA-DB3E0AC1FA75}" type="presParOf" srcId="{6C8BFF1B-B517-4708-89E7-1C4FBF26A590}" destId="{F2D63061-2116-4E32-9D95-A337C0F1B2AE}" srcOrd="2" destOrd="0" presId="urn:microsoft.com/office/officeart/2005/8/layout/orgChart1"/>
    <dgm:cxn modelId="{3D6C350C-798E-4A6B-93F1-4974F5AC34CB}" type="presParOf" srcId="{1B6A62B3-D034-43D5-942A-AFBF2EE72B78}" destId="{03B8390D-B105-42B1-A386-12C2BD520DAA}" srcOrd="6" destOrd="0" presId="urn:microsoft.com/office/officeart/2005/8/layout/orgChart1"/>
    <dgm:cxn modelId="{5CA2B149-BCA2-4728-A117-2CE1F9B3AABF}" type="presParOf" srcId="{1B6A62B3-D034-43D5-942A-AFBF2EE72B78}" destId="{86E6C108-BFA7-40BE-8DA9-0D16D8F302A7}" srcOrd="7" destOrd="0" presId="urn:microsoft.com/office/officeart/2005/8/layout/orgChart1"/>
    <dgm:cxn modelId="{594FEE3E-2FD6-4CE9-B42B-9A6647047976}" type="presParOf" srcId="{86E6C108-BFA7-40BE-8DA9-0D16D8F302A7}" destId="{F6E82332-7F67-45B2-9BE4-82C7DE4D7EA4}" srcOrd="0" destOrd="0" presId="urn:microsoft.com/office/officeart/2005/8/layout/orgChart1"/>
    <dgm:cxn modelId="{FBFF8D5C-70DD-455E-8492-FD93AA1B3681}" type="presParOf" srcId="{F6E82332-7F67-45B2-9BE4-82C7DE4D7EA4}" destId="{39566ABE-F92F-46E2-B619-324305F3111E}" srcOrd="0" destOrd="0" presId="urn:microsoft.com/office/officeart/2005/8/layout/orgChart1"/>
    <dgm:cxn modelId="{61D17C73-1ED3-43F6-A038-E579ADC32022}" type="presParOf" srcId="{F6E82332-7F67-45B2-9BE4-82C7DE4D7EA4}" destId="{370CD29B-4C5E-4004-824C-34093A57EFF4}" srcOrd="1" destOrd="0" presId="urn:microsoft.com/office/officeart/2005/8/layout/orgChart1"/>
    <dgm:cxn modelId="{BE97C207-B717-4204-BBC8-B1D70E746630}" type="presParOf" srcId="{86E6C108-BFA7-40BE-8DA9-0D16D8F302A7}" destId="{AD6BE32C-7DE7-47A5-A7D5-BF3DE4E4F551}" srcOrd="1" destOrd="0" presId="urn:microsoft.com/office/officeart/2005/8/layout/orgChart1"/>
    <dgm:cxn modelId="{5E3EDA70-CAB8-4FB7-9919-25244B5A04AE}" type="presParOf" srcId="{AD6BE32C-7DE7-47A5-A7D5-BF3DE4E4F551}" destId="{7045D9E7-FB8E-4A15-A786-2308CECB0D36}" srcOrd="0" destOrd="0" presId="urn:microsoft.com/office/officeart/2005/8/layout/orgChart1"/>
    <dgm:cxn modelId="{CFAA6274-304B-47BB-83A2-2A920D228279}" type="presParOf" srcId="{AD6BE32C-7DE7-47A5-A7D5-BF3DE4E4F551}" destId="{6D8E6498-D063-450E-A7E3-1EF91423DB53}" srcOrd="1" destOrd="0" presId="urn:microsoft.com/office/officeart/2005/8/layout/orgChart1"/>
    <dgm:cxn modelId="{FD766B7D-C165-47BE-B8DE-F8B679AADD39}" type="presParOf" srcId="{6D8E6498-D063-450E-A7E3-1EF91423DB53}" destId="{53D058F2-3B13-4133-A2AA-B865987C62D1}" srcOrd="0" destOrd="0" presId="urn:microsoft.com/office/officeart/2005/8/layout/orgChart1"/>
    <dgm:cxn modelId="{7550B3F0-609D-4794-9202-02CF0F7EF928}" type="presParOf" srcId="{53D058F2-3B13-4133-A2AA-B865987C62D1}" destId="{FA7BA99C-D90F-4C7F-937D-E5F30D57C66A}" srcOrd="0" destOrd="0" presId="urn:microsoft.com/office/officeart/2005/8/layout/orgChart1"/>
    <dgm:cxn modelId="{502C78D4-68D9-47A0-B7FD-7B894898CE52}" type="presParOf" srcId="{53D058F2-3B13-4133-A2AA-B865987C62D1}" destId="{3CD66D3A-7419-4132-AD2D-A4E5C6E4A5B5}" srcOrd="1" destOrd="0" presId="urn:microsoft.com/office/officeart/2005/8/layout/orgChart1"/>
    <dgm:cxn modelId="{510E8E0C-7735-4C36-81D6-B63E02F97C8D}" type="presParOf" srcId="{6D8E6498-D063-450E-A7E3-1EF91423DB53}" destId="{4A8FD806-5D76-4D96-AABC-94515818A816}" srcOrd="1" destOrd="0" presId="urn:microsoft.com/office/officeart/2005/8/layout/orgChart1"/>
    <dgm:cxn modelId="{BF421F19-111C-4AC7-8258-CE7E709314C3}" type="presParOf" srcId="{6D8E6498-D063-450E-A7E3-1EF91423DB53}" destId="{21B26C38-49CF-4210-BDA9-DDFA15F27AF3}" srcOrd="2" destOrd="0" presId="urn:microsoft.com/office/officeart/2005/8/layout/orgChart1"/>
    <dgm:cxn modelId="{300ABCC0-01A6-4505-9842-FF3BAD80CAF5}" type="presParOf" srcId="{AD6BE32C-7DE7-47A5-A7D5-BF3DE4E4F551}" destId="{5F0ED6ED-9723-4547-ADAE-E5456AD22222}" srcOrd="2" destOrd="0" presId="urn:microsoft.com/office/officeart/2005/8/layout/orgChart1"/>
    <dgm:cxn modelId="{96317F21-13EE-47CF-8938-F87CFEF003E3}" type="presParOf" srcId="{AD6BE32C-7DE7-47A5-A7D5-BF3DE4E4F551}" destId="{0F08736E-168F-4C01-A0F4-B37B0E90DDE3}" srcOrd="3" destOrd="0" presId="urn:microsoft.com/office/officeart/2005/8/layout/orgChart1"/>
    <dgm:cxn modelId="{B483257C-1A18-42A8-9C99-D8B40E3F5204}" type="presParOf" srcId="{0F08736E-168F-4C01-A0F4-B37B0E90DDE3}" destId="{B8E58F5D-50FA-435B-8A53-A37A41AD3995}" srcOrd="0" destOrd="0" presId="urn:microsoft.com/office/officeart/2005/8/layout/orgChart1"/>
    <dgm:cxn modelId="{5DEC16DC-037E-480B-99C6-65C5F82DE9DD}" type="presParOf" srcId="{B8E58F5D-50FA-435B-8A53-A37A41AD3995}" destId="{F8E8C9EC-C03C-4941-A7ED-DC3D5AEC1333}" srcOrd="0" destOrd="0" presId="urn:microsoft.com/office/officeart/2005/8/layout/orgChart1"/>
    <dgm:cxn modelId="{ED3DDDC8-1657-4527-AF71-7B04B2A9835D}" type="presParOf" srcId="{B8E58F5D-50FA-435B-8A53-A37A41AD3995}" destId="{69CE8032-686B-4D9F-A022-BCD80359DA80}" srcOrd="1" destOrd="0" presId="urn:microsoft.com/office/officeart/2005/8/layout/orgChart1"/>
    <dgm:cxn modelId="{2B863782-4176-4550-961E-A455A6FD2405}" type="presParOf" srcId="{0F08736E-168F-4C01-A0F4-B37B0E90DDE3}" destId="{89F07D2B-3335-4E52-B4C1-EA61091406B6}" srcOrd="1" destOrd="0" presId="urn:microsoft.com/office/officeart/2005/8/layout/orgChart1"/>
    <dgm:cxn modelId="{D4D0E6FA-E794-4D89-A23E-0CC84EF80D3B}" type="presParOf" srcId="{0F08736E-168F-4C01-A0F4-B37B0E90DDE3}" destId="{DE0EE957-219E-43CA-A0F7-1190BC91E0B9}" srcOrd="2" destOrd="0" presId="urn:microsoft.com/office/officeart/2005/8/layout/orgChart1"/>
    <dgm:cxn modelId="{F67DABA8-9FC7-40CE-A80D-77708486779D}" type="presParOf" srcId="{AD6BE32C-7DE7-47A5-A7D5-BF3DE4E4F551}" destId="{72572473-9880-48DA-AA92-972C43E7EDCE}" srcOrd="4" destOrd="0" presId="urn:microsoft.com/office/officeart/2005/8/layout/orgChart1"/>
    <dgm:cxn modelId="{68A99151-E63A-4FC8-A176-59A11BCF9991}" type="presParOf" srcId="{AD6BE32C-7DE7-47A5-A7D5-BF3DE4E4F551}" destId="{CF8333B7-E286-45F7-8CE5-3A4A722A7F4B}" srcOrd="5" destOrd="0" presId="urn:microsoft.com/office/officeart/2005/8/layout/orgChart1"/>
    <dgm:cxn modelId="{711A6F1A-AB30-486E-9E11-584310556113}" type="presParOf" srcId="{CF8333B7-E286-45F7-8CE5-3A4A722A7F4B}" destId="{D4DA7EBA-CC4B-4A81-9320-146B592DE3D2}" srcOrd="0" destOrd="0" presId="urn:microsoft.com/office/officeart/2005/8/layout/orgChart1"/>
    <dgm:cxn modelId="{C05BC201-C5A0-4CE8-88FB-9113383BA0F9}" type="presParOf" srcId="{D4DA7EBA-CC4B-4A81-9320-146B592DE3D2}" destId="{176E2CFA-4E4C-4220-A574-1D7BC27976D1}" srcOrd="0" destOrd="0" presId="urn:microsoft.com/office/officeart/2005/8/layout/orgChart1"/>
    <dgm:cxn modelId="{2C223C76-18EF-48D4-BFA5-BB2226CF9676}" type="presParOf" srcId="{D4DA7EBA-CC4B-4A81-9320-146B592DE3D2}" destId="{A4FA24CC-AFDF-4B8C-A144-82B3636DD9E4}" srcOrd="1" destOrd="0" presId="urn:microsoft.com/office/officeart/2005/8/layout/orgChart1"/>
    <dgm:cxn modelId="{901E1153-8F70-45D0-9CC6-D5E8683EE0B0}" type="presParOf" srcId="{CF8333B7-E286-45F7-8CE5-3A4A722A7F4B}" destId="{A8CFC0CD-2758-43E3-B8EC-1F9D3EBDF3AF}" srcOrd="1" destOrd="0" presId="urn:microsoft.com/office/officeart/2005/8/layout/orgChart1"/>
    <dgm:cxn modelId="{3694C8C0-76D8-4977-B1FE-66417F1D33DF}" type="presParOf" srcId="{CF8333B7-E286-45F7-8CE5-3A4A722A7F4B}" destId="{91D17DF1-FE06-468A-B8CC-A299A33E9FBD}" srcOrd="2" destOrd="0" presId="urn:microsoft.com/office/officeart/2005/8/layout/orgChart1"/>
    <dgm:cxn modelId="{7406EC38-BECC-4898-BEB6-B228066FFAD5}" type="presParOf" srcId="{86E6C108-BFA7-40BE-8DA9-0D16D8F302A7}" destId="{EBB9F988-EEF2-41D1-B1B7-FDA67E2E6A24}" srcOrd="2" destOrd="0" presId="urn:microsoft.com/office/officeart/2005/8/layout/orgChart1"/>
    <dgm:cxn modelId="{9C31C481-A1DF-4CBC-9DCC-0FBB302B2711}" type="presParOf" srcId="{1B6A62B3-D034-43D5-942A-AFBF2EE72B78}" destId="{8900AE5B-2871-4D66-AA54-57F4721E8B9C}" srcOrd="8" destOrd="0" presId="urn:microsoft.com/office/officeart/2005/8/layout/orgChart1"/>
    <dgm:cxn modelId="{F3BC7451-1A02-44EF-84CA-680BC7C1A1F8}" type="presParOf" srcId="{1B6A62B3-D034-43D5-942A-AFBF2EE72B78}" destId="{C1C10A0C-9F1A-4F33-BDA0-18B010D33514}" srcOrd="9" destOrd="0" presId="urn:microsoft.com/office/officeart/2005/8/layout/orgChart1"/>
    <dgm:cxn modelId="{33F77D19-1E4A-4280-96C2-0CBADB40BD90}" type="presParOf" srcId="{C1C10A0C-9F1A-4F33-BDA0-18B010D33514}" destId="{93EDAF41-4F4C-48E5-9415-6D4ADD81DEB1}" srcOrd="0" destOrd="0" presId="urn:microsoft.com/office/officeart/2005/8/layout/orgChart1"/>
    <dgm:cxn modelId="{1F1F2FD9-ED8D-4FC5-8CFA-A33D3AE7349C}" type="presParOf" srcId="{93EDAF41-4F4C-48E5-9415-6D4ADD81DEB1}" destId="{9CD492D0-6C4B-4E90-AFE0-C5738B8D653C}" srcOrd="0" destOrd="0" presId="urn:microsoft.com/office/officeart/2005/8/layout/orgChart1"/>
    <dgm:cxn modelId="{6887AC82-6C0A-4525-BBD4-1BF2A8BB0B87}" type="presParOf" srcId="{93EDAF41-4F4C-48E5-9415-6D4ADD81DEB1}" destId="{F85BB661-C6E1-4117-AF93-21BDA5FBF12B}" srcOrd="1" destOrd="0" presId="urn:microsoft.com/office/officeart/2005/8/layout/orgChart1"/>
    <dgm:cxn modelId="{48407D96-241A-4432-BFB1-09D51E5ED1A0}" type="presParOf" srcId="{C1C10A0C-9F1A-4F33-BDA0-18B010D33514}" destId="{879FE8C2-0BE0-459B-92EF-3644DFE9E3A3}" srcOrd="1" destOrd="0" presId="urn:microsoft.com/office/officeart/2005/8/layout/orgChart1"/>
    <dgm:cxn modelId="{5F309CA6-03D4-4444-AE98-9A8A94B3647D}" type="presParOf" srcId="{879FE8C2-0BE0-459B-92EF-3644DFE9E3A3}" destId="{F469C038-0139-402D-A678-FA73A6277913}" srcOrd="0" destOrd="0" presId="urn:microsoft.com/office/officeart/2005/8/layout/orgChart1"/>
    <dgm:cxn modelId="{8F67A4A0-D6B0-449E-B588-824409522483}" type="presParOf" srcId="{879FE8C2-0BE0-459B-92EF-3644DFE9E3A3}" destId="{EFC59F12-07A9-415F-9927-492F4F024933}" srcOrd="1" destOrd="0" presId="urn:microsoft.com/office/officeart/2005/8/layout/orgChart1"/>
    <dgm:cxn modelId="{20ABBC08-DE4E-4E30-9651-9D395BEC5EEF}" type="presParOf" srcId="{EFC59F12-07A9-415F-9927-492F4F024933}" destId="{D1531CF4-B7E2-4245-9E2E-4201D240FC37}" srcOrd="0" destOrd="0" presId="urn:microsoft.com/office/officeart/2005/8/layout/orgChart1"/>
    <dgm:cxn modelId="{0C864E84-9582-4AAF-A6B1-47842A42DABA}" type="presParOf" srcId="{D1531CF4-B7E2-4245-9E2E-4201D240FC37}" destId="{E56293E9-CC42-4D87-BB71-C0D88F66F707}" srcOrd="0" destOrd="0" presId="urn:microsoft.com/office/officeart/2005/8/layout/orgChart1"/>
    <dgm:cxn modelId="{30535F38-BFF0-4F1F-96D7-8DACC81BB57C}" type="presParOf" srcId="{D1531CF4-B7E2-4245-9E2E-4201D240FC37}" destId="{86329780-1A9A-44D9-BDF3-DE293614BD5E}" srcOrd="1" destOrd="0" presId="urn:microsoft.com/office/officeart/2005/8/layout/orgChart1"/>
    <dgm:cxn modelId="{C8A57662-0861-4BF3-B636-B051F5D8C326}" type="presParOf" srcId="{EFC59F12-07A9-415F-9927-492F4F024933}" destId="{F2D60539-7C69-46A1-A735-D6D7E4CA397E}" srcOrd="1" destOrd="0" presId="urn:microsoft.com/office/officeart/2005/8/layout/orgChart1"/>
    <dgm:cxn modelId="{D276F79F-C726-4ED5-8F44-4ED904236641}" type="presParOf" srcId="{EFC59F12-07A9-415F-9927-492F4F024933}" destId="{E5871A9B-B535-4E68-992F-18C877602A8D}" srcOrd="2" destOrd="0" presId="urn:microsoft.com/office/officeart/2005/8/layout/orgChart1"/>
    <dgm:cxn modelId="{5CB31E6D-3EF8-49DC-9DBB-192EEAECD7AF}" type="presParOf" srcId="{879FE8C2-0BE0-459B-92EF-3644DFE9E3A3}" destId="{26E9A8DF-759D-4F05-A566-8CB21F8FBC0F}" srcOrd="2" destOrd="0" presId="urn:microsoft.com/office/officeart/2005/8/layout/orgChart1"/>
    <dgm:cxn modelId="{B641B04D-C6F6-4FFB-970C-D10914345611}" type="presParOf" srcId="{879FE8C2-0BE0-459B-92EF-3644DFE9E3A3}" destId="{31B8A124-9959-4C16-8C14-6B211A87C5AF}" srcOrd="3" destOrd="0" presId="urn:microsoft.com/office/officeart/2005/8/layout/orgChart1"/>
    <dgm:cxn modelId="{2D57EB02-C30D-4A74-968C-A5684E6C4E73}" type="presParOf" srcId="{31B8A124-9959-4C16-8C14-6B211A87C5AF}" destId="{77B9CAB6-E1E3-4A1F-A4B2-358D255C318D}" srcOrd="0" destOrd="0" presId="urn:microsoft.com/office/officeart/2005/8/layout/orgChart1"/>
    <dgm:cxn modelId="{4852E48F-4355-47F5-AD18-83644B158870}" type="presParOf" srcId="{77B9CAB6-E1E3-4A1F-A4B2-358D255C318D}" destId="{20B9E185-3172-4896-A99C-22407B93DA6F}" srcOrd="0" destOrd="0" presId="urn:microsoft.com/office/officeart/2005/8/layout/orgChart1"/>
    <dgm:cxn modelId="{8462D3A7-DDEB-4881-BD28-4706FA28D59C}" type="presParOf" srcId="{77B9CAB6-E1E3-4A1F-A4B2-358D255C318D}" destId="{A955F49D-19BD-446B-80FA-C4EDA916B396}" srcOrd="1" destOrd="0" presId="urn:microsoft.com/office/officeart/2005/8/layout/orgChart1"/>
    <dgm:cxn modelId="{978DFEC6-B505-41D5-B8C5-AB151ECD95A8}" type="presParOf" srcId="{31B8A124-9959-4C16-8C14-6B211A87C5AF}" destId="{FEF8C990-D575-480E-843A-E380F3A15363}" srcOrd="1" destOrd="0" presId="urn:microsoft.com/office/officeart/2005/8/layout/orgChart1"/>
    <dgm:cxn modelId="{720F8D13-511A-46F3-ACFE-4351BBD2A287}" type="presParOf" srcId="{31B8A124-9959-4C16-8C14-6B211A87C5AF}" destId="{A039753E-C215-4C6B-8438-53EB5E0B58B9}" srcOrd="2" destOrd="0" presId="urn:microsoft.com/office/officeart/2005/8/layout/orgChart1"/>
    <dgm:cxn modelId="{A98710E8-8E21-44D7-AA79-9914A1261CEC}" type="presParOf" srcId="{879FE8C2-0BE0-459B-92EF-3644DFE9E3A3}" destId="{CF021E55-8765-4CB7-B416-F4E95C4181DF}" srcOrd="4" destOrd="0" presId="urn:microsoft.com/office/officeart/2005/8/layout/orgChart1"/>
    <dgm:cxn modelId="{CB4BADD2-E207-4321-AB98-E4DC0E7EBC74}" type="presParOf" srcId="{879FE8C2-0BE0-459B-92EF-3644DFE9E3A3}" destId="{32BA8CB4-6443-453C-BA2A-C14E956DC773}" srcOrd="5" destOrd="0" presId="urn:microsoft.com/office/officeart/2005/8/layout/orgChart1"/>
    <dgm:cxn modelId="{F29E435A-D047-4C1B-B09B-2645C4C8470B}" type="presParOf" srcId="{32BA8CB4-6443-453C-BA2A-C14E956DC773}" destId="{91BF89B4-00AF-4BD1-BCF9-29E0A8091515}" srcOrd="0" destOrd="0" presId="urn:microsoft.com/office/officeart/2005/8/layout/orgChart1"/>
    <dgm:cxn modelId="{C524B99F-F665-4B19-9615-CEC73C622A49}" type="presParOf" srcId="{91BF89B4-00AF-4BD1-BCF9-29E0A8091515}" destId="{7353C8BB-B2C3-4E05-A49B-9A7D4F522797}" srcOrd="0" destOrd="0" presId="urn:microsoft.com/office/officeart/2005/8/layout/orgChart1"/>
    <dgm:cxn modelId="{81865E75-5836-4155-8C89-39D3071CB13E}" type="presParOf" srcId="{91BF89B4-00AF-4BD1-BCF9-29E0A8091515}" destId="{9C745451-5255-4ECC-8B88-C813BAEB1A11}" srcOrd="1" destOrd="0" presId="urn:microsoft.com/office/officeart/2005/8/layout/orgChart1"/>
    <dgm:cxn modelId="{D6A1207B-AF21-4876-AA0C-FB563AE91A49}" type="presParOf" srcId="{32BA8CB4-6443-453C-BA2A-C14E956DC773}" destId="{F193AF6D-8A18-420C-A5F8-E8905D503542}" srcOrd="1" destOrd="0" presId="urn:microsoft.com/office/officeart/2005/8/layout/orgChart1"/>
    <dgm:cxn modelId="{BC7A489F-F372-4940-9A4A-E21B9293F154}" type="presParOf" srcId="{32BA8CB4-6443-453C-BA2A-C14E956DC773}" destId="{F7B6B758-89FD-4CDC-90FB-5461FE55EA69}" srcOrd="2" destOrd="0" presId="urn:microsoft.com/office/officeart/2005/8/layout/orgChart1"/>
    <dgm:cxn modelId="{20E46D0C-C119-450E-8780-EE13AA35B8C8}" type="presParOf" srcId="{C1C10A0C-9F1A-4F33-BDA0-18B010D33514}" destId="{3C6E96E2-7B7E-4287-907E-5E0C546AD73A}" srcOrd="2" destOrd="0" presId="urn:microsoft.com/office/officeart/2005/8/layout/orgChart1"/>
    <dgm:cxn modelId="{D9D8CB79-E85A-48FC-BC35-B8D95C259A52}" type="presParOf" srcId="{1B6A62B3-D034-43D5-942A-AFBF2EE72B78}" destId="{387A4011-43D2-4172-ADD2-9D9F410616F8}" srcOrd="10" destOrd="0" presId="urn:microsoft.com/office/officeart/2005/8/layout/orgChart1"/>
    <dgm:cxn modelId="{1D7CFDE5-B4F2-42D0-A153-3544B84D8517}" type="presParOf" srcId="{1B6A62B3-D034-43D5-942A-AFBF2EE72B78}" destId="{3CFDE2CB-F2CE-4DD2-8C49-5C88DC03A1F3}" srcOrd="11" destOrd="0" presId="urn:microsoft.com/office/officeart/2005/8/layout/orgChart1"/>
    <dgm:cxn modelId="{B906584D-3E2F-4EC8-B3D2-BA8780920CA1}" type="presParOf" srcId="{3CFDE2CB-F2CE-4DD2-8C49-5C88DC03A1F3}" destId="{0E48754F-A614-460A-9BB5-7E4D7008C9D5}" srcOrd="0" destOrd="0" presId="urn:microsoft.com/office/officeart/2005/8/layout/orgChart1"/>
    <dgm:cxn modelId="{175E4E2B-BFB1-405E-8693-3B33A315754B}" type="presParOf" srcId="{0E48754F-A614-460A-9BB5-7E4D7008C9D5}" destId="{4235E657-C856-45B1-95CC-6A2539F4A182}" srcOrd="0" destOrd="0" presId="urn:microsoft.com/office/officeart/2005/8/layout/orgChart1"/>
    <dgm:cxn modelId="{31BB559B-9E1B-431F-BB52-FB77ECACCF94}" type="presParOf" srcId="{0E48754F-A614-460A-9BB5-7E4D7008C9D5}" destId="{8C26B38D-533F-4B47-BABF-FF3211EDA73C}" srcOrd="1" destOrd="0" presId="urn:microsoft.com/office/officeart/2005/8/layout/orgChart1"/>
    <dgm:cxn modelId="{40854D06-D651-4621-8632-E79463759939}" type="presParOf" srcId="{3CFDE2CB-F2CE-4DD2-8C49-5C88DC03A1F3}" destId="{8B963042-E60B-4FC2-84DB-E83F37BF4581}" srcOrd="1" destOrd="0" presId="urn:microsoft.com/office/officeart/2005/8/layout/orgChart1"/>
    <dgm:cxn modelId="{C630EB0C-571A-4ECA-8FE6-41EB00ACEFF6}" type="presParOf" srcId="{8B963042-E60B-4FC2-84DB-E83F37BF4581}" destId="{51E2FB4B-F434-4E88-A40F-B98088178F11}" srcOrd="0" destOrd="0" presId="urn:microsoft.com/office/officeart/2005/8/layout/orgChart1"/>
    <dgm:cxn modelId="{333A2188-1BE5-4CB0-A17D-4A3B77AABDDC}" type="presParOf" srcId="{8B963042-E60B-4FC2-84DB-E83F37BF4581}" destId="{B84FBEC1-C3EC-4A99-A32B-485C0FCAB00C}" srcOrd="1" destOrd="0" presId="urn:microsoft.com/office/officeart/2005/8/layout/orgChart1"/>
    <dgm:cxn modelId="{557131B9-0AE0-49E9-BE74-F77B5823156A}" type="presParOf" srcId="{B84FBEC1-C3EC-4A99-A32B-485C0FCAB00C}" destId="{71AB00A1-EC6D-406D-8BB8-BA743CB3CDC0}" srcOrd="0" destOrd="0" presId="urn:microsoft.com/office/officeart/2005/8/layout/orgChart1"/>
    <dgm:cxn modelId="{B9E2AD0C-295C-4741-A358-EF82D69E50AA}" type="presParOf" srcId="{71AB00A1-EC6D-406D-8BB8-BA743CB3CDC0}" destId="{3CD6A0CB-B0C9-4078-A19B-C13F2D3C7E91}" srcOrd="0" destOrd="0" presId="urn:microsoft.com/office/officeart/2005/8/layout/orgChart1"/>
    <dgm:cxn modelId="{E153EED6-111F-4253-8742-E9C0356706AA}" type="presParOf" srcId="{71AB00A1-EC6D-406D-8BB8-BA743CB3CDC0}" destId="{8E658742-1048-435A-8301-3839C6BC2B2D}" srcOrd="1" destOrd="0" presId="urn:microsoft.com/office/officeart/2005/8/layout/orgChart1"/>
    <dgm:cxn modelId="{5301A20D-BEBE-460E-A108-0BBEEE4ED067}" type="presParOf" srcId="{B84FBEC1-C3EC-4A99-A32B-485C0FCAB00C}" destId="{4BFF504E-027F-44EA-9677-5B144B58639F}" srcOrd="1" destOrd="0" presId="urn:microsoft.com/office/officeart/2005/8/layout/orgChart1"/>
    <dgm:cxn modelId="{A786A770-229B-4EC8-8AC5-B8C6C18B1FA0}" type="presParOf" srcId="{B84FBEC1-C3EC-4A99-A32B-485C0FCAB00C}" destId="{F12DBD49-C3AF-4710-9F2F-40DB5C26B70D}" srcOrd="2" destOrd="0" presId="urn:microsoft.com/office/officeart/2005/8/layout/orgChart1"/>
    <dgm:cxn modelId="{09098DA1-B614-4B06-A045-CCD2FA8622C8}" type="presParOf" srcId="{8B963042-E60B-4FC2-84DB-E83F37BF4581}" destId="{25501E05-7E4C-42CC-B66D-71CF136F0EDC}" srcOrd="2" destOrd="0" presId="urn:microsoft.com/office/officeart/2005/8/layout/orgChart1"/>
    <dgm:cxn modelId="{A3CB97E3-E7C0-43B9-9024-16437F9DC46C}" type="presParOf" srcId="{8B963042-E60B-4FC2-84DB-E83F37BF4581}" destId="{E4846A93-94B5-4C76-918E-8E43CDDD62D2}" srcOrd="3" destOrd="0" presId="urn:microsoft.com/office/officeart/2005/8/layout/orgChart1"/>
    <dgm:cxn modelId="{C1260393-A97B-4F83-9B6B-14E85582EE97}" type="presParOf" srcId="{E4846A93-94B5-4C76-918E-8E43CDDD62D2}" destId="{EACD2E41-E3A4-4F51-B07E-8E87D448881E}" srcOrd="0" destOrd="0" presId="urn:microsoft.com/office/officeart/2005/8/layout/orgChart1"/>
    <dgm:cxn modelId="{167D9976-6BA7-4DF6-A5A3-EAB66DD838A2}" type="presParOf" srcId="{EACD2E41-E3A4-4F51-B07E-8E87D448881E}" destId="{F4D073D3-48E3-41EF-B9B8-C4E882766916}" srcOrd="0" destOrd="0" presId="urn:microsoft.com/office/officeart/2005/8/layout/orgChart1"/>
    <dgm:cxn modelId="{477E9F48-D21A-4577-B8F8-D049275F1468}" type="presParOf" srcId="{EACD2E41-E3A4-4F51-B07E-8E87D448881E}" destId="{D653EC46-8B14-4B0B-A11B-D915A18C4167}" srcOrd="1" destOrd="0" presId="urn:microsoft.com/office/officeart/2005/8/layout/orgChart1"/>
    <dgm:cxn modelId="{D70CBA70-F97C-4E47-AFED-D255C2F8DB64}" type="presParOf" srcId="{E4846A93-94B5-4C76-918E-8E43CDDD62D2}" destId="{B4F15C7B-006E-44F1-BFAC-88317F08B159}" srcOrd="1" destOrd="0" presId="urn:microsoft.com/office/officeart/2005/8/layout/orgChart1"/>
    <dgm:cxn modelId="{2F8D812C-1D3A-4686-966B-8D05D2B9819F}" type="presParOf" srcId="{E4846A93-94B5-4C76-918E-8E43CDDD62D2}" destId="{816C7BF9-8AF2-413D-AF76-58CFFFFFF5AC}" srcOrd="2" destOrd="0" presId="urn:microsoft.com/office/officeart/2005/8/layout/orgChart1"/>
    <dgm:cxn modelId="{759BBB4E-6E3F-4108-BE70-676AE2B3A71D}" type="presParOf" srcId="{8B963042-E60B-4FC2-84DB-E83F37BF4581}" destId="{E1913F09-2FFC-4504-9C02-EEC17AD15760}" srcOrd="4" destOrd="0" presId="urn:microsoft.com/office/officeart/2005/8/layout/orgChart1"/>
    <dgm:cxn modelId="{84BF978E-74C6-4EA0-9F81-5E26A9923C61}" type="presParOf" srcId="{8B963042-E60B-4FC2-84DB-E83F37BF4581}" destId="{33DF59D8-820C-4759-B2CD-3FE61F4E052C}" srcOrd="5" destOrd="0" presId="urn:microsoft.com/office/officeart/2005/8/layout/orgChart1"/>
    <dgm:cxn modelId="{472C2BA7-7143-44E8-ADC8-3D6B7867AD60}" type="presParOf" srcId="{33DF59D8-820C-4759-B2CD-3FE61F4E052C}" destId="{471FF28D-58D9-4BA7-B755-E0EF86DAE70B}" srcOrd="0" destOrd="0" presId="urn:microsoft.com/office/officeart/2005/8/layout/orgChart1"/>
    <dgm:cxn modelId="{E3DA5734-C734-4397-ABB8-3FB9CE92133E}" type="presParOf" srcId="{471FF28D-58D9-4BA7-B755-E0EF86DAE70B}" destId="{F166B833-C6AB-4553-A7A6-CBD7D8A2506A}" srcOrd="0" destOrd="0" presId="urn:microsoft.com/office/officeart/2005/8/layout/orgChart1"/>
    <dgm:cxn modelId="{9C9E2F52-7FD9-4FF7-8C84-F17F1301AB18}" type="presParOf" srcId="{471FF28D-58D9-4BA7-B755-E0EF86DAE70B}" destId="{A5D60626-BBE6-43A8-BF44-65FDA0CC8496}" srcOrd="1" destOrd="0" presId="urn:microsoft.com/office/officeart/2005/8/layout/orgChart1"/>
    <dgm:cxn modelId="{C795BE39-3A78-4F35-AAB4-0E0ADFA3A90F}" type="presParOf" srcId="{33DF59D8-820C-4759-B2CD-3FE61F4E052C}" destId="{76A5CC54-5342-4721-8EF0-65245A873FC3}" srcOrd="1" destOrd="0" presId="urn:microsoft.com/office/officeart/2005/8/layout/orgChart1"/>
    <dgm:cxn modelId="{D2EF32D3-3E83-4996-9B51-479E8F11A188}" type="presParOf" srcId="{33DF59D8-820C-4759-B2CD-3FE61F4E052C}" destId="{377DD29E-997F-4BF4-BF7C-247F19BD697B}" srcOrd="2" destOrd="0" presId="urn:microsoft.com/office/officeart/2005/8/layout/orgChart1"/>
    <dgm:cxn modelId="{382FF042-5FE8-401C-88BB-BA233AF23F95}" type="presParOf" srcId="{8B963042-E60B-4FC2-84DB-E83F37BF4581}" destId="{351A5887-94D7-4773-AC9E-6307EFD26D13}" srcOrd="6" destOrd="0" presId="urn:microsoft.com/office/officeart/2005/8/layout/orgChart1"/>
    <dgm:cxn modelId="{17BDB4F1-A032-45AA-8266-2EFE5404D4D8}" type="presParOf" srcId="{8B963042-E60B-4FC2-84DB-E83F37BF4581}" destId="{DFBD6C2C-8FA6-4A5A-89D9-941A93516717}" srcOrd="7" destOrd="0" presId="urn:microsoft.com/office/officeart/2005/8/layout/orgChart1"/>
    <dgm:cxn modelId="{52254AEF-C75A-430E-B68C-DD5ACA47A9B6}" type="presParOf" srcId="{DFBD6C2C-8FA6-4A5A-89D9-941A93516717}" destId="{20542542-7FC5-4117-928C-EFD557AE078B}" srcOrd="0" destOrd="0" presId="urn:microsoft.com/office/officeart/2005/8/layout/orgChart1"/>
    <dgm:cxn modelId="{2E3AC8D9-45E8-413E-88A2-6FF2662DCFA6}" type="presParOf" srcId="{20542542-7FC5-4117-928C-EFD557AE078B}" destId="{388775F6-4231-472F-8642-3570DA63B421}" srcOrd="0" destOrd="0" presId="urn:microsoft.com/office/officeart/2005/8/layout/orgChart1"/>
    <dgm:cxn modelId="{A529613E-D4B1-4337-A77E-F11053F712E3}" type="presParOf" srcId="{20542542-7FC5-4117-928C-EFD557AE078B}" destId="{C8719CE4-C5AA-43C0-99A4-5D1A99EF17AC}" srcOrd="1" destOrd="0" presId="urn:microsoft.com/office/officeart/2005/8/layout/orgChart1"/>
    <dgm:cxn modelId="{2BAFBE08-AAE9-47CE-BDEC-83E5054B7849}" type="presParOf" srcId="{DFBD6C2C-8FA6-4A5A-89D9-941A93516717}" destId="{079B0D01-E6C0-4F48-BA36-49AC92984638}" srcOrd="1" destOrd="0" presId="urn:microsoft.com/office/officeart/2005/8/layout/orgChart1"/>
    <dgm:cxn modelId="{26E9D83F-6B34-48B8-A884-5F7CF0771E79}" type="presParOf" srcId="{DFBD6C2C-8FA6-4A5A-89D9-941A93516717}" destId="{19A71FEB-538B-4152-8A73-65E818A1CA34}" srcOrd="2" destOrd="0" presId="urn:microsoft.com/office/officeart/2005/8/layout/orgChart1"/>
    <dgm:cxn modelId="{8064E556-2D8D-40E8-97F5-5DDC906E7D0C}" type="presParOf" srcId="{3CFDE2CB-F2CE-4DD2-8C49-5C88DC03A1F3}" destId="{15557989-3D3A-4B5C-886C-8AFD0853C014}" srcOrd="2" destOrd="0" presId="urn:microsoft.com/office/officeart/2005/8/layout/orgChart1"/>
    <dgm:cxn modelId="{14C4690E-2196-4903-8156-CF941D1F80EF}" type="presParOf" srcId="{4153E196-9B25-4666-8AA4-43B6C0F78206}" destId="{8A8B5992-07B8-499C-ABA6-CFE15D545B7E}" srcOrd="2" destOrd="0" presId="urn:microsoft.com/office/officeart/2005/8/layout/orgChart1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51A5887-94D7-4773-AC9E-6307EFD26D13}">
      <dsp:nvSpPr>
        <dsp:cNvPr id="0" name=""/>
        <dsp:cNvSpPr/>
      </dsp:nvSpPr>
      <dsp:spPr>
        <a:xfrm>
          <a:off x="7560133" y="1094687"/>
          <a:ext cx="141069" cy="157252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572524"/>
              </a:lnTo>
              <a:lnTo>
                <a:pt x="141069" y="157252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1913F09-2FFC-4504-9C02-EEC17AD15760}">
      <dsp:nvSpPr>
        <dsp:cNvPr id="0" name=""/>
        <dsp:cNvSpPr/>
      </dsp:nvSpPr>
      <dsp:spPr>
        <a:xfrm>
          <a:off x="7560133" y="1094687"/>
          <a:ext cx="141069" cy="115144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151446"/>
              </a:lnTo>
              <a:lnTo>
                <a:pt x="141069" y="1151446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5501E05-7E4C-42CC-B66D-71CF136F0EDC}">
      <dsp:nvSpPr>
        <dsp:cNvPr id="0" name=""/>
        <dsp:cNvSpPr/>
      </dsp:nvSpPr>
      <dsp:spPr>
        <a:xfrm>
          <a:off x="7560133" y="1094687"/>
          <a:ext cx="141069" cy="73036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30367"/>
              </a:lnTo>
              <a:lnTo>
                <a:pt x="141069" y="730367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1E2FB4B-F434-4E88-A40F-B98088178F11}">
      <dsp:nvSpPr>
        <dsp:cNvPr id="0" name=""/>
        <dsp:cNvSpPr/>
      </dsp:nvSpPr>
      <dsp:spPr>
        <a:xfrm>
          <a:off x="7560133" y="1094687"/>
          <a:ext cx="14106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14106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87A4011-43D2-4172-ADD2-9D9F410616F8}">
      <dsp:nvSpPr>
        <dsp:cNvPr id="0" name=""/>
        <dsp:cNvSpPr/>
      </dsp:nvSpPr>
      <dsp:spPr>
        <a:xfrm>
          <a:off x="4216631" y="674751"/>
          <a:ext cx="3719687" cy="19635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7606"/>
              </a:lnTo>
              <a:lnTo>
                <a:pt x="3719687" y="97606"/>
              </a:lnTo>
              <a:lnTo>
                <a:pt x="3719687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F021E55-8765-4CB7-B416-F4E95C4181DF}">
      <dsp:nvSpPr>
        <dsp:cNvPr id="0" name=""/>
        <dsp:cNvSpPr/>
      </dsp:nvSpPr>
      <dsp:spPr>
        <a:xfrm>
          <a:off x="6235357" y="1094687"/>
          <a:ext cx="141069" cy="111356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113561"/>
              </a:lnTo>
              <a:lnTo>
                <a:pt x="141069" y="1113561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6E9A8DF-759D-4F05-A566-8CB21F8FBC0F}">
      <dsp:nvSpPr>
        <dsp:cNvPr id="0" name=""/>
        <dsp:cNvSpPr/>
      </dsp:nvSpPr>
      <dsp:spPr>
        <a:xfrm>
          <a:off x="6235357" y="1094687"/>
          <a:ext cx="141069" cy="717739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17739"/>
              </a:lnTo>
              <a:lnTo>
                <a:pt x="141069" y="717739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F469C038-0139-402D-A678-FA73A6277913}">
      <dsp:nvSpPr>
        <dsp:cNvPr id="0" name=""/>
        <dsp:cNvSpPr/>
      </dsp:nvSpPr>
      <dsp:spPr>
        <a:xfrm>
          <a:off x="6235357" y="1094687"/>
          <a:ext cx="14106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14106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900AE5B-2871-4D66-AA54-57F4721E8B9C}">
      <dsp:nvSpPr>
        <dsp:cNvPr id="0" name=""/>
        <dsp:cNvSpPr/>
      </dsp:nvSpPr>
      <dsp:spPr>
        <a:xfrm>
          <a:off x="4216631" y="674751"/>
          <a:ext cx="2394911" cy="19635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7606"/>
              </a:lnTo>
              <a:lnTo>
                <a:pt x="2394911" y="97606"/>
              </a:lnTo>
              <a:lnTo>
                <a:pt x="2394911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2572473-9880-48DA-AA92-972C43E7EDCE}">
      <dsp:nvSpPr>
        <dsp:cNvPr id="0" name=""/>
        <dsp:cNvSpPr/>
      </dsp:nvSpPr>
      <dsp:spPr>
        <a:xfrm>
          <a:off x="5097395" y="1094687"/>
          <a:ext cx="141069" cy="115144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151446"/>
              </a:lnTo>
              <a:lnTo>
                <a:pt x="141069" y="1151446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F0ED6ED-9723-4547-ADAE-E5456AD22222}">
      <dsp:nvSpPr>
        <dsp:cNvPr id="0" name=""/>
        <dsp:cNvSpPr/>
      </dsp:nvSpPr>
      <dsp:spPr>
        <a:xfrm>
          <a:off x="5097395" y="1094687"/>
          <a:ext cx="141069" cy="73036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30367"/>
              </a:lnTo>
              <a:lnTo>
                <a:pt x="141069" y="730367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045D9E7-FB8E-4A15-A786-2308CECB0D36}">
      <dsp:nvSpPr>
        <dsp:cNvPr id="0" name=""/>
        <dsp:cNvSpPr/>
      </dsp:nvSpPr>
      <dsp:spPr>
        <a:xfrm>
          <a:off x="5097395" y="1094687"/>
          <a:ext cx="14106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14106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3B8390D-B105-42B1-A386-12C2BD520DAA}">
      <dsp:nvSpPr>
        <dsp:cNvPr id="0" name=""/>
        <dsp:cNvSpPr/>
      </dsp:nvSpPr>
      <dsp:spPr>
        <a:xfrm>
          <a:off x="4216631" y="674751"/>
          <a:ext cx="1256949" cy="19635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7606"/>
              </a:lnTo>
              <a:lnTo>
                <a:pt x="1256949" y="97606"/>
              </a:lnTo>
              <a:lnTo>
                <a:pt x="1256949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760CEFD-1396-4FB8-A276-54FD6F7EDEB5}">
      <dsp:nvSpPr>
        <dsp:cNvPr id="0" name=""/>
        <dsp:cNvSpPr/>
      </dsp:nvSpPr>
      <dsp:spPr>
        <a:xfrm>
          <a:off x="3453331" y="1094687"/>
          <a:ext cx="141069" cy="115144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151446"/>
              </a:lnTo>
              <a:lnTo>
                <a:pt x="141069" y="1151446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B563B3B-C3BC-41F2-B74A-ED7F9227E059}">
      <dsp:nvSpPr>
        <dsp:cNvPr id="0" name=""/>
        <dsp:cNvSpPr/>
      </dsp:nvSpPr>
      <dsp:spPr>
        <a:xfrm>
          <a:off x="3453331" y="1094687"/>
          <a:ext cx="141069" cy="73036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30367"/>
              </a:lnTo>
              <a:lnTo>
                <a:pt x="141069" y="730367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B0939E3-B16B-4AB6-918E-660B4E3EA43F}">
      <dsp:nvSpPr>
        <dsp:cNvPr id="0" name=""/>
        <dsp:cNvSpPr/>
      </dsp:nvSpPr>
      <dsp:spPr>
        <a:xfrm>
          <a:off x="3453331" y="1094687"/>
          <a:ext cx="14106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14106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9FFC313-D861-4492-A68D-41A4BF9B74DD}">
      <dsp:nvSpPr>
        <dsp:cNvPr id="0" name=""/>
        <dsp:cNvSpPr/>
      </dsp:nvSpPr>
      <dsp:spPr>
        <a:xfrm>
          <a:off x="3829517" y="674751"/>
          <a:ext cx="387114" cy="196354"/>
        </a:xfrm>
        <a:custGeom>
          <a:avLst/>
          <a:gdLst/>
          <a:ahLst/>
          <a:cxnLst/>
          <a:rect l="0" t="0" r="0" b="0"/>
          <a:pathLst>
            <a:path>
              <a:moveTo>
                <a:pt x="387114" y="0"/>
              </a:moveTo>
              <a:lnTo>
                <a:pt x="387114" y="97606"/>
              </a:lnTo>
              <a:lnTo>
                <a:pt x="0" y="97606"/>
              </a:lnTo>
              <a:lnTo>
                <a:pt x="0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2167E37-82D9-4560-A9E3-FF0EB252CE98}">
      <dsp:nvSpPr>
        <dsp:cNvPr id="0" name=""/>
        <dsp:cNvSpPr/>
      </dsp:nvSpPr>
      <dsp:spPr>
        <a:xfrm>
          <a:off x="1829068" y="1094687"/>
          <a:ext cx="222119" cy="199360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993603"/>
              </a:lnTo>
              <a:lnTo>
                <a:pt x="222119" y="1993603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E09AB46-26C2-401D-8265-A23B399F396D}">
      <dsp:nvSpPr>
        <dsp:cNvPr id="0" name=""/>
        <dsp:cNvSpPr/>
      </dsp:nvSpPr>
      <dsp:spPr>
        <a:xfrm>
          <a:off x="1829068" y="1094687"/>
          <a:ext cx="222119" cy="157252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572524"/>
              </a:lnTo>
              <a:lnTo>
                <a:pt x="222119" y="157252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941B4FE-96DC-45EC-BDFC-A3A3E710951F}">
      <dsp:nvSpPr>
        <dsp:cNvPr id="0" name=""/>
        <dsp:cNvSpPr/>
      </dsp:nvSpPr>
      <dsp:spPr>
        <a:xfrm>
          <a:off x="1829068" y="1094687"/>
          <a:ext cx="222119" cy="115144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151446"/>
              </a:lnTo>
              <a:lnTo>
                <a:pt x="222119" y="1151446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C88CB2D-11B7-4695-911E-C24042727029}">
      <dsp:nvSpPr>
        <dsp:cNvPr id="0" name=""/>
        <dsp:cNvSpPr/>
      </dsp:nvSpPr>
      <dsp:spPr>
        <a:xfrm>
          <a:off x="1829068" y="1094687"/>
          <a:ext cx="222119" cy="73036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30367"/>
              </a:lnTo>
              <a:lnTo>
                <a:pt x="222119" y="730367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E3DF7D5-84F3-4D22-91D7-B3A1DF5162B4}">
      <dsp:nvSpPr>
        <dsp:cNvPr id="0" name=""/>
        <dsp:cNvSpPr/>
      </dsp:nvSpPr>
      <dsp:spPr>
        <a:xfrm>
          <a:off x="1829068" y="1094687"/>
          <a:ext cx="22211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22211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B3E17BF-3604-432F-9E6E-43938F2EE7C9}">
      <dsp:nvSpPr>
        <dsp:cNvPr id="0" name=""/>
        <dsp:cNvSpPr/>
      </dsp:nvSpPr>
      <dsp:spPr>
        <a:xfrm>
          <a:off x="2421388" y="674751"/>
          <a:ext cx="1795243" cy="196354"/>
        </a:xfrm>
        <a:custGeom>
          <a:avLst/>
          <a:gdLst/>
          <a:ahLst/>
          <a:cxnLst/>
          <a:rect l="0" t="0" r="0" b="0"/>
          <a:pathLst>
            <a:path>
              <a:moveTo>
                <a:pt x="1795243" y="0"/>
              </a:moveTo>
              <a:lnTo>
                <a:pt x="1795243" y="97606"/>
              </a:lnTo>
              <a:lnTo>
                <a:pt x="0" y="97606"/>
              </a:lnTo>
              <a:lnTo>
                <a:pt x="0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76BFEEB-DD88-4847-A17E-72E005057DE0}">
      <dsp:nvSpPr>
        <dsp:cNvPr id="0" name=""/>
        <dsp:cNvSpPr/>
      </dsp:nvSpPr>
      <dsp:spPr>
        <a:xfrm>
          <a:off x="150771" y="1094687"/>
          <a:ext cx="222119" cy="73036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30367"/>
              </a:lnTo>
              <a:lnTo>
                <a:pt x="222119" y="730367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41FED37-668A-48F0-8678-CBF74E63F0E3}">
      <dsp:nvSpPr>
        <dsp:cNvPr id="0" name=""/>
        <dsp:cNvSpPr/>
      </dsp:nvSpPr>
      <dsp:spPr>
        <a:xfrm>
          <a:off x="150771" y="1094687"/>
          <a:ext cx="22211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22211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10BDDB5-89A9-459E-8733-0652A71EE3AF}">
      <dsp:nvSpPr>
        <dsp:cNvPr id="0" name=""/>
        <dsp:cNvSpPr/>
      </dsp:nvSpPr>
      <dsp:spPr>
        <a:xfrm>
          <a:off x="743091" y="674751"/>
          <a:ext cx="3473540" cy="196354"/>
        </a:xfrm>
        <a:custGeom>
          <a:avLst/>
          <a:gdLst/>
          <a:ahLst/>
          <a:cxnLst/>
          <a:rect l="0" t="0" r="0" b="0"/>
          <a:pathLst>
            <a:path>
              <a:moveTo>
                <a:pt x="3473540" y="0"/>
              </a:moveTo>
              <a:lnTo>
                <a:pt x="3473540" y="97606"/>
              </a:lnTo>
              <a:lnTo>
                <a:pt x="0" y="97606"/>
              </a:lnTo>
              <a:lnTo>
                <a:pt x="0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E93D893-03D7-4C06-9427-281031F0590D}">
      <dsp:nvSpPr>
        <dsp:cNvPr id="0" name=""/>
        <dsp:cNvSpPr/>
      </dsp:nvSpPr>
      <dsp:spPr>
        <a:xfrm>
          <a:off x="2962061" y="313584"/>
          <a:ext cx="2509140" cy="361166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600" b="1" kern="1200" dirty="0">
              <a:solidFill>
                <a:schemeClr val="bg1"/>
              </a:solidFill>
            </a:rPr>
            <a:t>System implementation</a:t>
          </a:r>
          <a:endParaRPr lang="en-US" sz="1600" b="1" kern="1200" dirty="0">
            <a:solidFill>
              <a:schemeClr val="bg1"/>
            </a:solidFill>
          </a:endParaRPr>
        </a:p>
      </dsp:txBody>
      <dsp:txXfrm>
        <a:off x="2962061" y="313584"/>
        <a:ext cx="2509140" cy="361166"/>
      </dsp:txXfrm>
    </dsp:sp>
    <dsp:sp modelId="{7F315924-B694-41DA-8BE3-324691512D72}">
      <dsp:nvSpPr>
        <dsp:cNvPr id="0" name=""/>
        <dsp:cNvSpPr/>
      </dsp:nvSpPr>
      <dsp:spPr>
        <a:xfrm>
          <a:off x="2692" y="871106"/>
          <a:ext cx="1480799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Project initiation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692" y="871106"/>
        <a:ext cx="1480799" cy="223581"/>
      </dsp:txXfrm>
    </dsp:sp>
    <dsp:sp modelId="{435DF1FE-BF18-4B54-9460-7ADB9668D64C}">
      <dsp:nvSpPr>
        <dsp:cNvPr id="0" name=""/>
        <dsp:cNvSpPr/>
      </dsp:nvSpPr>
      <dsp:spPr>
        <a:xfrm>
          <a:off x="372891" y="1292185"/>
          <a:ext cx="1227513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Develop charter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372891" y="1292185"/>
        <a:ext cx="1227513" cy="223581"/>
      </dsp:txXfrm>
    </dsp:sp>
    <dsp:sp modelId="{9697A35B-3FB6-4575-9E65-07D7EE0F581E}">
      <dsp:nvSpPr>
        <dsp:cNvPr id="0" name=""/>
        <dsp:cNvSpPr/>
      </dsp:nvSpPr>
      <dsp:spPr>
        <a:xfrm>
          <a:off x="372891" y="1713263"/>
          <a:ext cx="1227513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Response to RFP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372891" y="1713263"/>
        <a:ext cx="1227513" cy="223581"/>
      </dsp:txXfrm>
    </dsp:sp>
    <dsp:sp modelId="{9CDF24FD-B1BF-42B3-8C23-49FC0B64F7E2}">
      <dsp:nvSpPr>
        <dsp:cNvPr id="0" name=""/>
        <dsp:cNvSpPr/>
      </dsp:nvSpPr>
      <dsp:spPr>
        <a:xfrm>
          <a:off x="1680988" y="871106"/>
          <a:ext cx="1480799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Project planning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1680988" y="871106"/>
        <a:ext cx="1480799" cy="223581"/>
      </dsp:txXfrm>
    </dsp:sp>
    <dsp:sp modelId="{40073E45-9D06-4801-A925-5A86C5EA24D8}">
      <dsp:nvSpPr>
        <dsp:cNvPr id="0" name=""/>
        <dsp:cNvSpPr/>
      </dsp:nvSpPr>
      <dsp:spPr>
        <a:xfrm>
          <a:off x="2051188" y="1292185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Define scope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051188" y="1292185"/>
        <a:ext cx="940464" cy="223581"/>
      </dsp:txXfrm>
    </dsp:sp>
    <dsp:sp modelId="{8100F284-DE8B-469D-B1A9-0DCD93A9C044}">
      <dsp:nvSpPr>
        <dsp:cNvPr id="0" name=""/>
        <dsp:cNvSpPr/>
      </dsp:nvSpPr>
      <dsp:spPr>
        <a:xfrm>
          <a:off x="2051188" y="1713263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Statement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051188" y="1713263"/>
        <a:ext cx="940464" cy="223581"/>
      </dsp:txXfrm>
    </dsp:sp>
    <dsp:sp modelId="{C647A73C-974B-4899-846E-B220C59CF9AB}">
      <dsp:nvSpPr>
        <dsp:cNvPr id="0" name=""/>
        <dsp:cNvSpPr/>
      </dsp:nvSpPr>
      <dsp:spPr>
        <a:xfrm>
          <a:off x="2051188" y="2134342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Establish team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051188" y="2134342"/>
        <a:ext cx="940464" cy="223581"/>
      </dsp:txXfrm>
    </dsp:sp>
    <dsp:sp modelId="{F28C5CBC-627B-4211-A282-F7F8E7F55F65}">
      <dsp:nvSpPr>
        <dsp:cNvPr id="0" name=""/>
        <dsp:cNvSpPr/>
      </dsp:nvSpPr>
      <dsp:spPr>
        <a:xfrm>
          <a:off x="2051188" y="2555421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Identify tasks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051188" y="2555421"/>
        <a:ext cx="940464" cy="223581"/>
      </dsp:txXfrm>
    </dsp:sp>
    <dsp:sp modelId="{3902FC0E-3AE0-48DC-B0EA-C12B011687FD}">
      <dsp:nvSpPr>
        <dsp:cNvPr id="0" name=""/>
        <dsp:cNvSpPr/>
      </dsp:nvSpPr>
      <dsp:spPr>
        <a:xfrm>
          <a:off x="2051188" y="2976500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Devel</a:t>
          </a:r>
          <a:r>
            <a:rPr lang="en-US" sz="1100" b="1" kern="1200" dirty="0">
              <a:solidFill>
                <a:schemeClr val="bg1"/>
              </a:solidFill>
            </a:rPr>
            <a:t>o</a:t>
          </a:r>
          <a:r>
            <a:rPr lang="ro-RO" sz="1100" b="1" kern="1200" dirty="0">
              <a:solidFill>
                <a:schemeClr val="bg1"/>
              </a:solidFill>
            </a:rPr>
            <a:t>p WBS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051188" y="2976500"/>
        <a:ext cx="940464" cy="223581"/>
      </dsp:txXfrm>
    </dsp:sp>
    <dsp:sp modelId="{3A4FBEC5-5789-4C16-9D82-195F054274A2}">
      <dsp:nvSpPr>
        <dsp:cNvPr id="0" name=""/>
        <dsp:cNvSpPr/>
      </dsp:nvSpPr>
      <dsp:spPr>
        <a:xfrm>
          <a:off x="3359285" y="871106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Design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3359285" y="871106"/>
        <a:ext cx="940464" cy="223581"/>
      </dsp:txXfrm>
    </dsp:sp>
    <dsp:sp modelId="{FF542CFF-1527-4E82-B16A-378B26C0B24A}">
      <dsp:nvSpPr>
        <dsp:cNvPr id="0" name=""/>
        <dsp:cNvSpPr/>
      </dsp:nvSpPr>
      <dsp:spPr>
        <a:xfrm>
          <a:off x="3594401" y="1292185"/>
          <a:ext cx="1446566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Requirement discovery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3594401" y="1292185"/>
        <a:ext cx="1446566" cy="223581"/>
      </dsp:txXfrm>
    </dsp:sp>
    <dsp:sp modelId="{0D0EDD5A-8061-4852-9273-1D225B0B42FB}">
      <dsp:nvSpPr>
        <dsp:cNvPr id="0" name=""/>
        <dsp:cNvSpPr/>
      </dsp:nvSpPr>
      <dsp:spPr>
        <a:xfrm>
          <a:off x="3594401" y="1713263"/>
          <a:ext cx="1446566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Requirement analysis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3594401" y="1713263"/>
        <a:ext cx="1446566" cy="223581"/>
      </dsp:txXfrm>
    </dsp:sp>
    <dsp:sp modelId="{A71FB3ED-4BFA-48B0-BA4F-A3D42C627AAC}">
      <dsp:nvSpPr>
        <dsp:cNvPr id="0" name=""/>
        <dsp:cNvSpPr/>
      </dsp:nvSpPr>
      <dsp:spPr>
        <a:xfrm>
          <a:off x="3594401" y="2134342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Prototyping 1</a:t>
          </a:r>
        </a:p>
      </dsp:txBody>
      <dsp:txXfrm>
        <a:off x="3594401" y="2134342"/>
        <a:ext cx="940464" cy="223581"/>
      </dsp:txXfrm>
    </dsp:sp>
    <dsp:sp modelId="{39566ABE-F92F-46E2-B619-324305F3111E}">
      <dsp:nvSpPr>
        <dsp:cNvPr id="0" name=""/>
        <dsp:cNvSpPr/>
      </dsp:nvSpPr>
      <dsp:spPr>
        <a:xfrm>
          <a:off x="5003349" y="871106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Development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5003349" y="871106"/>
        <a:ext cx="940464" cy="223581"/>
      </dsp:txXfrm>
    </dsp:sp>
    <dsp:sp modelId="{FA7BA99C-D90F-4C7F-937D-E5F30D57C66A}">
      <dsp:nvSpPr>
        <dsp:cNvPr id="0" name=""/>
        <dsp:cNvSpPr/>
      </dsp:nvSpPr>
      <dsp:spPr>
        <a:xfrm>
          <a:off x="5238465" y="1292185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Coding</a:t>
          </a:r>
        </a:p>
      </dsp:txBody>
      <dsp:txXfrm>
        <a:off x="5238465" y="1292185"/>
        <a:ext cx="940464" cy="223581"/>
      </dsp:txXfrm>
    </dsp:sp>
    <dsp:sp modelId="{F8E8C9EC-C03C-4941-A7ED-DC3D5AEC1333}">
      <dsp:nvSpPr>
        <dsp:cNvPr id="0" name=""/>
        <dsp:cNvSpPr/>
      </dsp:nvSpPr>
      <dsp:spPr>
        <a:xfrm>
          <a:off x="5238465" y="1713263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Debugging</a:t>
          </a:r>
        </a:p>
      </dsp:txBody>
      <dsp:txXfrm>
        <a:off x="5238465" y="1713263"/>
        <a:ext cx="940464" cy="223581"/>
      </dsp:txXfrm>
    </dsp:sp>
    <dsp:sp modelId="{176E2CFA-4E4C-4220-A574-1D7BC27976D1}">
      <dsp:nvSpPr>
        <dsp:cNvPr id="0" name=""/>
        <dsp:cNvSpPr/>
      </dsp:nvSpPr>
      <dsp:spPr>
        <a:xfrm>
          <a:off x="5238465" y="2134342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Documentation</a:t>
          </a:r>
        </a:p>
      </dsp:txBody>
      <dsp:txXfrm>
        <a:off x="5238465" y="2134342"/>
        <a:ext cx="940464" cy="223581"/>
      </dsp:txXfrm>
    </dsp:sp>
    <dsp:sp modelId="{9CD492D0-6C4B-4E90-AFE0-C5738B8D653C}">
      <dsp:nvSpPr>
        <dsp:cNvPr id="0" name=""/>
        <dsp:cNvSpPr/>
      </dsp:nvSpPr>
      <dsp:spPr>
        <a:xfrm>
          <a:off x="6141311" y="871106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Testing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6141311" y="871106"/>
        <a:ext cx="940464" cy="223581"/>
      </dsp:txXfrm>
    </dsp:sp>
    <dsp:sp modelId="{E56293E9-CC42-4D87-BB71-C0D88F66F707}">
      <dsp:nvSpPr>
        <dsp:cNvPr id="0" name=""/>
        <dsp:cNvSpPr/>
      </dsp:nvSpPr>
      <dsp:spPr>
        <a:xfrm>
          <a:off x="6376427" y="1292185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Test system</a:t>
          </a:r>
        </a:p>
      </dsp:txBody>
      <dsp:txXfrm>
        <a:off x="6376427" y="1292185"/>
        <a:ext cx="940464" cy="223581"/>
      </dsp:txXfrm>
    </dsp:sp>
    <dsp:sp modelId="{20B9E185-3172-4896-A99C-22407B93DA6F}">
      <dsp:nvSpPr>
        <dsp:cNvPr id="0" name=""/>
        <dsp:cNvSpPr/>
      </dsp:nvSpPr>
      <dsp:spPr>
        <a:xfrm>
          <a:off x="6376427" y="1713263"/>
          <a:ext cx="1127278" cy="198325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Test integration</a:t>
          </a:r>
        </a:p>
      </dsp:txBody>
      <dsp:txXfrm>
        <a:off x="6376427" y="1713263"/>
        <a:ext cx="1127278" cy="198325"/>
      </dsp:txXfrm>
    </dsp:sp>
    <dsp:sp modelId="{7353C8BB-B2C3-4E05-A49B-9A7D4F522797}">
      <dsp:nvSpPr>
        <dsp:cNvPr id="0" name=""/>
        <dsp:cNvSpPr/>
      </dsp:nvSpPr>
      <dsp:spPr>
        <a:xfrm>
          <a:off x="6376427" y="2109086"/>
          <a:ext cx="1127278" cy="198325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Usability testing</a:t>
          </a:r>
        </a:p>
      </dsp:txBody>
      <dsp:txXfrm>
        <a:off x="6376427" y="2109086"/>
        <a:ext cx="1127278" cy="198325"/>
      </dsp:txXfrm>
    </dsp:sp>
    <dsp:sp modelId="{4235E657-C856-45B1-95CC-6A2539F4A182}">
      <dsp:nvSpPr>
        <dsp:cNvPr id="0" name=""/>
        <dsp:cNvSpPr/>
      </dsp:nvSpPr>
      <dsp:spPr>
        <a:xfrm>
          <a:off x="7466087" y="871106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Installation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7466087" y="871106"/>
        <a:ext cx="940464" cy="223581"/>
      </dsp:txXfrm>
    </dsp:sp>
    <dsp:sp modelId="{3CD6A0CB-B0C9-4078-A19B-C13F2D3C7E91}">
      <dsp:nvSpPr>
        <dsp:cNvPr id="0" name=""/>
        <dsp:cNvSpPr/>
      </dsp:nvSpPr>
      <dsp:spPr>
        <a:xfrm>
          <a:off x="7701203" y="1292185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Deployment</a:t>
          </a:r>
        </a:p>
      </dsp:txBody>
      <dsp:txXfrm>
        <a:off x="7701203" y="1292185"/>
        <a:ext cx="940464" cy="223581"/>
      </dsp:txXfrm>
    </dsp:sp>
    <dsp:sp modelId="{F4D073D3-48E3-41EF-B9B8-C4E882766916}">
      <dsp:nvSpPr>
        <dsp:cNvPr id="0" name=""/>
        <dsp:cNvSpPr/>
      </dsp:nvSpPr>
      <dsp:spPr>
        <a:xfrm>
          <a:off x="7701203" y="1713263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User training</a:t>
          </a:r>
        </a:p>
      </dsp:txBody>
      <dsp:txXfrm>
        <a:off x="7701203" y="1713263"/>
        <a:ext cx="940464" cy="223581"/>
      </dsp:txXfrm>
    </dsp:sp>
    <dsp:sp modelId="{F166B833-C6AB-4553-A7A6-CBD7D8A2506A}">
      <dsp:nvSpPr>
        <dsp:cNvPr id="0" name=""/>
        <dsp:cNvSpPr/>
      </dsp:nvSpPr>
      <dsp:spPr>
        <a:xfrm>
          <a:off x="7701203" y="2134342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Maintenance</a:t>
          </a:r>
        </a:p>
      </dsp:txBody>
      <dsp:txXfrm>
        <a:off x="7701203" y="2134342"/>
        <a:ext cx="940464" cy="223581"/>
      </dsp:txXfrm>
    </dsp:sp>
    <dsp:sp modelId="{388775F6-4231-472F-8642-3570DA63B421}">
      <dsp:nvSpPr>
        <dsp:cNvPr id="0" name=""/>
        <dsp:cNvSpPr/>
      </dsp:nvSpPr>
      <dsp:spPr>
        <a:xfrm>
          <a:off x="7701203" y="2555421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Review</a:t>
          </a:r>
        </a:p>
      </dsp:txBody>
      <dsp:txXfrm>
        <a:off x="7701203" y="2555421"/>
        <a:ext cx="940464" cy="223581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51A5887-94D7-4773-AC9E-6307EFD26D13}">
      <dsp:nvSpPr>
        <dsp:cNvPr id="0" name=""/>
        <dsp:cNvSpPr/>
      </dsp:nvSpPr>
      <dsp:spPr>
        <a:xfrm>
          <a:off x="7560133" y="1094687"/>
          <a:ext cx="141069" cy="157252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572524"/>
              </a:lnTo>
              <a:lnTo>
                <a:pt x="141069" y="157252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1913F09-2FFC-4504-9C02-EEC17AD15760}">
      <dsp:nvSpPr>
        <dsp:cNvPr id="0" name=""/>
        <dsp:cNvSpPr/>
      </dsp:nvSpPr>
      <dsp:spPr>
        <a:xfrm>
          <a:off x="7560133" y="1094687"/>
          <a:ext cx="141069" cy="115144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151446"/>
              </a:lnTo>
              <a:lnTo>
                <a:pt x="141069" y="1151446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5501E05-7E4C-42CC-B66D-71CF136F0EDC}">
      <dsp:nvSpPr>
        <dsp:cNvPr id="0" name=""/>
        <dsp:cNvSpPr/>
      </dsp:nvSpPr>
      <dsp:spPr>
        <a:xfrm>
          <a:off x="7560133" y="1094687"/>
          <a:ext cx="141069" cy="73036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30367"/>
              </a:lnTo>
              <a:lnTo>
                <a:pt x="141069" y="730367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1E2FB4B-F434-4E88-A40F-B98088178F11}">
      <dsp:nvSpPr>
        <dsp:cNvPr id="0" name=""/>
        <dsp:cNvSpPr/>
      </dsp:nvSpPr>
      <dsp:spPr>
        <a:xfrm>
          <a:off x="7560133" y="1094687"/>
          <a:ext cx="14106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14106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87A4011-43D2-4172-ADD2-9D9F410616F8}">
      <dsp:nvSpPr>
        <dsp:cNvPr id="0" name=""/>
        <dsp:cNvSpPr/>
      </dsp:nvSpPr>
      <dsp:spPr>
        <a:xfrm>
          <a:off x="4216631" y="674751"/>
          <a:ext cx="3719687" cy="19635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7606"/>
              </a:lnTo>
              <a:lnTo>
                <a:pt x="3719687" y="97606"/>
              </a:lnTo>
              <a:lnTo>
                <a:pt x="3719687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F021E55-8765-4CB7-B416-F4E95C4181DF}">
      <dsp:nvSpPr>
        <dsp:cNvPr id="0" name=""/>
        <dsp:cNvSpPr/>
      </dsp:nvSpPr>
      <dsp:spPr>
        <a:xfrm>
          <a:off x="6235357" y="1094687"/>
          <a:ext cx="141069" cy="111356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113561"/>
              </a:lnTo>
              <a:lnTo>
                <a:pt x="141069" y="1113561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6E9A8DF-759D-4F05-A566-8CB21F8FBC0F}">
      <dsp:nvSpPr>
        <dsp:cNvPr id="0" name=""/>
        <dsp:cNvSpPr/>
      </dsp:nvSpPr>
      <dsp:spPr>
        <a:xfrm>
          <a:off x="6235357" y="1094687"/>
          <a:ext cx="141069" cy="717739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17739"/>
              </a:lnTo>
              <a:lnTo>
                <a:pt x="141069" y="717739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F469C038-0139-402D-A678-FA73A6277913}">
      <dsp:nvSpPr>
        <dsp:cNvPr id="0" name=""/>
        <dsp:cNvSpPr/>
      </dsp:nvSpPr>
      <dsp:spPr>
        <a:xfrm>
          <a:off x="6235357" y="1094687"/>
          <a:ext cx="14106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14106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900AE5B-2871-4D66-AA54-57F4721E8B9C}">
      <dsp:nvSpPr>
        <dsp:cNvPr id="0" name=""/>
        <dsp:cNvSpPr/>
      </dsp:nvSpPr>
      <dsp:spPr>
        <a:xfrm>
          <a:off x="4216631" y="674751"/>
          <a:ext cx="2394911" cy="19635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7606"/>
              </a:lnTo>
              <a:lnTo>
                <a:pt x="2394911" y="97606"/>
              </a:lnTo>
              <a:lnTo>
                <a:pt x="2394911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2572473-9880-48DA-AA92-972C43E7EDCE}">
      <dsp:nvSpPr>
        <dsp:cNvPr id="0" name=""/>
        <dsp:cNvSpPr/>
      </dsp:nvSpPr>
      <dsp:spPr>
        <a:xfrm>
          <a:off x="5097395" y="1094687"/>
          <a:ext cx="141069" cy="115144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151446"/>
              </a:lnTo>
              <a:lnTo>
                <a:pt x="141069" y="1151446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F0ED6ED-9723-4547-ADAE-E5456AD22222}">
      <dsp:nvSpPr>
        <dsp:cNvPr id="0" name=""/>
        <dsp:cNvSpPr/>
      </dsp:nvSpPr>
      <dsp:spPr>
        <a:xfrm>
          <a:off x="5097395" y="1094687"/>
          <a:ext cx="141069" cy="73036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30367"/>
              </a:lnTo>
              <a:lnTo>
                <a:pt x="141069" y="730367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045D9E7-FB8E-4A15-A786-2308CECB0D36}">
      <dsp:nvSpPr>
        <dsp:cNvPr id="0" name=""/>
        <dsp:cNvSpPr/>
      </dsp:nvSpPr>
      <dsp:spPr>
        <a:xfrm>
          <a:off x="5097395" y="1094687"/>
          <a:ext cx="14106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14106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3B8390D-B105-42B1-A386-12C2BD520DAA}">
      <dsp:nvSpPr>
        <dsp:cNvPr id="0" name=""/>
        <dsp:cNvSpPr/>
      </dsp:nvSpPr>
      <dsp:spPr>
        <a:xfrm>
          <a:off x="4216631" y="674751"/>
          <a:ext cx="1256949" cy="19635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7606"/>
              </a:lnTo>
              <a:lnTo>
                <a:pt x="1256949" y="97606"/>
              </a:lnTo>
              <a:lnTo>
                <a:pt x="1256949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760CEFD-1396-4FB8-A276-54FD6F7EDEB5}">
      <dsp:nvSpPr>
        <dsp:cNvPr id="0" name=""/>
        <dsp:cNvSpPr/>
      </dsp:nvSpPr>
      <dsp:spPr>
        <a:xfrm>
          <a:off x="3453331" y="1094687"/>
          <a:ext cx="141069" cy="115144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151446"/>
              </a:lnTo>
              <a:lnTo>
                <a:pt x="141069" y="1151446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B563B3B-C3BC-41F2-B74A-ED7F9227E059}">
      <dsp:nvSpPr>
        <dsp:cNvPr id="0" name=""/>
        <dsp:cNvSpPr/>
      </dsp:nvSpPr>
      <dsp:spPr>
        <a:xfrm>
          <a:off x="3453331" y="1094687"/>
          <a:ext cx="141069" cy="73036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30367"/>
              </a:lnTo>
              <a:lnTo>
                <a:pt x="141069" y="730367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B0939E3-B16B-4AB6-918E-660B4E3EA43F}">
      <dsp:nvSpPr>
        <dsp:cNvPr id="0" name=""/>
        <dsp:cNvSpPr/>
      </dsp:nvSpPr>
      <dsp:spPr>
        <a:xfrm>
          <a:off x="3453331" y="1094687"/>
          <a:ext cx="14106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14106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9FFC313-D861-4492-A68D-41A4BF9B74DD}">
      <dsp:nvSpPr>
        <dsp:cNvPr id="0" name=""/>
        <dsp:cNvSpPr/>
      </dsp:nvSpPr>
      <dsp:spPr>
        <a:xfrm>
          <a:off x="3829517" y="674751"/>
          <a:ext cx="387114" cy="196354"/>
        </a:xfrm>
        <a:custGeom>
          <a:avLst/>
          <a:gdLst/>
          <a:ahLst/>
          <a:cxnLst/>
          <a:rect l="0" t="0" r="0" b="0"/>
          <a:pathLst>
            <a:path>
              <a:moveTo>
                <a:pt x="387114" y="0"/>
              </a:moveTo>
              <a:lnTo>
                <a:pt x="387114" y="97606"/>
              </a:lnTo>
              <a:lnTo>
                <a:pt x="0" y="97606"/>
              </a:lnTo>
              <a:lnTo>
                <a:pt x="0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2167E37-82D9-4560-A9E3-FF0EB252CE98}">
      <dsp:nvSpPr>
        <dsp:cNvPr id="0" name=""/>
        <dsp:cNvSpPr/>
      </dsp:nvSpPr>
      <dsp:spPr>
        <a:xfrm>
          <a:off x="1829068" y="1094687"/>
          <a:ext cx="222119" cy="199360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993603"/>
              </a:lnTo>
              <a:lnTo>
                <a:pt x="222119" y="1993603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E09AB46-26C2-401D-8265-A23B399F396D}">
      <dsp:nvSpPr>
        <dsp:cNvPr id="0" name=""/>
        <dsp:cNvSpPr/>
      </dsp:nvSpPr>
      <dsp:spPr>
        <a:xfrm>
          <a:off x="1829068" y="1094687"/>
          <a:ext cx="222119" cy="157252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572524"/>
              </a:lnTo>
              <a:lnTo>
                <a:pt x="222119" y="157252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941B4FE-96DC-45EC-BDFC-A3A3E710951F}">
      <dsp:nvSpPr>
        <dsp:cNvPr id="0" name=""/>
        <dsp:cNvSpPr/>
      </dsp:nvSpPr>
      <dsp:spPr>
        <a:xfrm>
          <a:off x="1829068" y="1094687"/>
          <a:ext cx="222119" cy="115144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151446"/>
              </a:lnTo>
              <a:lnTo>
                <a:pt x="222119" y="1151446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C88CB2D-11B7-4695-911E-C24042727029}">
      <dsp:nvSpPr>
        <dsp:cNvPr id="0" name=""/>
        <dsp:cNvSpPr/>
      </dsp:nvSpPr>
      <dsp:spPr>
        <a:xfrm>
          <a:off x="1829068" y="1094687"/>
          <a:ext cx="222119" cy="73036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30367"/>
              </a:lnTo>
              <a:lnTo>
                <a:pt x="222119" y="730367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E3DF7D5-84F3-4D22-91D7-B3A1DF5162B4}">
      <dsp:nvSpPr>
        <dsp:cNvPr id="0" name=""/>
        <dsp:cNvSpPr/>
      </dsp:nvSpPr>
      <dsp:spPr>
        <a:xfrm>
          <a:off x="1829068" y="1094687"/>
          <a:ext cx="22211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22211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B3E17BF-3604-432F-9E6E-43938F2EE7C9}">
      <dsp:nvSpPr>
        <dsp:cNvPr id="0" name=""/>
        <dsp:cNvSpPr/>
      </dsp:nvSpPr>
      <dsp:spPr>
        <a:xfrm>
          <a:off x="2421388" y="674751"/>
          <a:ext cx="1795243" cy="196354"/>
        </a:xfrm>
        <a:custGeom>
          <a:avLst/>
          <a:gdLst/>
          <a:ahLst/>
          <a:cxnLst/>
          <a:rect l="0" t="0" r="0" b="0"/>
          <a:pathLst>
            <a:path>
              <a:moveTo>
                <a:pt x="1795243" y="0"/>
              </a:moveTo>
              <a:lnTo>
                <a:pt x="1795243" y="97606"/>
              </a:lnTo>
              <a:lnTo>
                <a:pt x="0" y="97606"/>
              </a:lnTo>
              <a:lnTo>
                <a:pt x="0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76BFEEB-DD88-4847-A17E-72E005057DE0}">
      <dsp:nvSpPr>
        <dsp:cNvPr id="0" name=""/>
        <dsp:cNvSpPr/>
      </dsp:nvSpPr>
      <dsp:spPr>
        <a:xfrm>
          <a:off x="150771" y="1094687"/>
          <a:ext cx="222119" cy="730367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730367"/>
              </a:lnTo>
              <a:lnTo>
                <a:pt x="222119" y="730367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41FED37-668A-48F0-8678-CBF74E63F0E3}">
      <dsp:nvSpPr>
        <dsp:cNvPr id="0" name=""/>
        <dsp:cNvSpPr/>
      </dsp:nvSpPr>
      <dsp:spPr>
        <a:xfrm>
          <a:off x="150771" y="1094687"/>
          <a:ext cx="222119" cy="30928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09288"/>
              </a:lnTo>
              <a:lnTo>
                <a:pt x="222119" y="309288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10BDDB5-89A9-459E-8733-0652A71EE3AF}">
      <dsp:nvSpPr>
        <dsp:cNvPr id="0" name=""/>
        <dsp:cNvSpPr/>
      </dsp:nvSpPr>
      <dsp:spPr>
        <a:xfrm>
          <a:off x="743091" y="674751"/>
          <a:ext cx="3473540" cy="196354"/>
        </a:xfrm>
        <a:custGeom>
          <a:avLst/>
          <a:gdLst/>
          <a:ahLst/>
          <a:cxnLst/>
          <a:rect l="0" t="0" r="0" b="0"/>
          <a:pathLst>
            <a:path>
              <a:moveTo>
                <a:pt x="3473540" y="0"/>
              </a:moveTo>
              <a:lnTo>
                <a:pt x="3473540" y="97606"/>
              </a:lnTo>
              <a:lnTo>
                <a:pt x="0" y="97606"/>
              </a:lnTo>
              <a:lnTo>
                <a:pt x="0" y="196354"/>
              </a:lnTo>
            </a:path>
          </a:pathLst>
        </a:custGeom>
        <a:noFill/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E93D893-03D7-4C06-9427-281031F0590D}">
      <dsp:nvSpPr>
        <dsp:cNvPr id="0" name=""/>
        <dsp:cNvSpPr/>
      </dsp:nvSpPr>
      <dsp:spPr>
        <a:xfrm>
          <a:off x="2962061" y="313584"/>
          <a:ext cx="2509140" cy="361166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600" b="1" kern="1200" dirty="0">
              <a:solidFill>
                <a:schemeClr val="bg1"/>
              </a:solidFill>
            </a:rPr>
            <a:t>System implementation</a:t>
          </a:r>
          <a:endParaRPr lang="en-US" sz="1600" b="1" kern="1200" dirty="0">
            <a:solidFill>
              <a:schemeClr val="bg1"/>
            </a:solidFill>
          </a:endParaRPr>
        </a:p>
      </dsp:txBody>
      <dsp:txXfrm>
        <a:off x="2962061" y="313584"/>
        <a:ext cx="2509140" cy="361166"/>
      </dsp:txXfrm>
    </dsp:sp>
    <dsp:sp modelId="{7F315924-B694-41DA-8BE3-324691512D72}">
      <dsp:nvSpPr>
        <dsp:cNvPr id="0" name=""/>
        <dsp:cNvSpPr/>
      </dsp:nvSpPr>
      <dsp:spPr>
        <a:xfrm>
          <a:off x="2692" y="871106"/>
          <a:ext cx="1480799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Project initiation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692" y="871106"/>
        <a:ext cx="1480799" cy="223581"/>
      </dsp:txXfrm>
    </dsp:sp>
    <dsp:sp modelId="{435DF1FE-BF18-4B54-9460-7ADB9668D64C}">
      <dsp:nvSpPr>
        <dsp:cNvPr id="0" name=""/>
        <dsp:cNvSpPr/>
      </dsp:nvSpPr>
      <dsp:spPr>
        <a:xfrm>
          <a:off x="372891" y="1292185"/>
          <a:ext cx="1227513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Develop charter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372891" y="1292185"/>
        <a:ext cx="1227513" cy="223581"/>
      </dsp:txXfrm>
    </dsp:sp>
    <dsp:sp modelId="{9697A35B-3FB6-4575-9E65-07D7EE0F581E}">
      <dsp:nvSpPr>
        <dsp:cNvPr id="0" name=""/>
        <dsp:cNvSpPr/>
      </dsp:nvSpPr>
      <dsp:spPr>
        <a:xfrm>
          <a:off x="372891" y="1713263"/>
          <a:ext cx="1227513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Response to RFP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372891" y="1713263"/>
        <a:ext cx="1227513" cy="223581"/>
      </dsp:txXfrm>
    </dsp:sp>
    <dsp:sp modelId="{9CDF24FD-B1BF-42B3-8C23-49FC0B64F7E2}">
      <dsp:nvSpPr>
        <dsp:cNvPr id="0" name=""/>
        <dsp:cNvSpPr/>
      </dsp:nvSpPr>
      <dsp:spPr>
        <a:xfrm>
          <a:off x="1680988" y="871106"/>
          <a:ext cx="1480799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Project planning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1680988" y="871106"/>
        <a:ext cx="1480799" cy="223581"/>
      </dsp:txXfrm>
    </dsp:sp>
    <dsp:sp modelId="{40073E45-9D06-4801-A925-5A86C5EA24D8}">
      <dsp:nvSpPr>
        <dsp:cNvPr id="0" name=""/>
        <dsp:cNvSpPr/>
      </dsp:nvSpPr>
      <dsp:spPr>
        <a:xfrm>
          <a:off x="2051188" y="1292185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Define scope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051188" y="1292185"/>
        <a:ext cx="940464" cy="223581"/>
      </dsp:txXfrm>
    </dsp:sp>
    <dsp:sp modelId="{8100F284-DE8B-469D-B1A9-0DCD93A9C044}">
      <dsp:nvSpPr>
        <dsp:cNvPr id="0" name=""/>
        <dsp:cNvSpPr/>
      </dsp:nvSpPr>
      <dsp:spPr>
        <a:xfrm>
          <a:off x="2051188" y="1713263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Statement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051188" y="1713263"/>
        <a:ext cx="940464" cy="223581"/>
      </dsp:txXfrm>
    </dsp:sp>
    <dsp:sp modelId="{C647A73C-974B-4899-846E-B220C59CF9AB}">
      <dsp:nvSpPr>
        <dsp:cNvPr id="0" name=""/>
        <dsp:cNvSpPr/>
      </dsp:nvSpPr>
      <dsp:spPr>
        <a:xfrm>
          <a:off x="2051188" y="2134342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Establish team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051188" y="2134342"/>
        <a:ext cx="940464" cy="223581"/>
      </dsp:txXfrm>
    </dsp:sp>
    <dsp:sp modelId="{F28C5CBC-627B-4211-A282-F7F8E7F55F65}">
      <dsp:nvSpPr>
        <dsp:cNvPr id="0" name=""/>
        <dsp:cNvSpPr/>
      </dsp:nvSpPr>
      <dsp:spPr>
        <a:xfrm>
          <a:off x="2051188" y="2555421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Identify tasks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051188" y="2555421"/>
        <a:ext cx="940464" cy="223581"/>
      </dsp:txXfrm>
    </dsp:sp>
    <dsp:sp modelId="{3902FC0E-3AE0-48DC-B0EA-C12B011687FD}">
      <dsp:nvSpPr>
        <dsp:cNvPr id="0" name=""/>
        <dsp:cNvSpPr/>
      </dsp:nvSpPr>
      <dsp:spPr>
        <a:xfrm>
          <a:off x="2051188" y="2976500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Devel</a:t>
          </a:r>
          <a:r>
            <a:rPr lang="en-US" sz="1100" b="1" kern="1200" dirty="0">
              <a:solidFill>
                <a:schemeClr val="bg1"/>
              </a:solidFill>
            </a:rPr>
            <a:t>o</a:t>
          </a:r>
          <a:r>
            <a:rPr lang="ro-RO" sz="1100" b="1" kern="1200" dirty="0">
              <a:solidFill>
                <a:schemeClr val="bg1"/>
              </a:solidFill>
            </a:rPr>
            <a:t>p WBS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2051188" y="2976500"/>
        <a:ext cx="940464" cy="223581"/>
      </dsp:txXfrm>
    </dsp:sp>
    <dsp:sp modelId="{3A4FBEC5-5789-4C16-9D82-195F054274A2}">
      <dsp:nvSpPr>
        <dsp:cNvPr id="0" name=""/>
        <dsp:cNvSpPr/>
      </dsp:nvSpPr>
      <dsp:spPr>
        <a:xfrm>
          <a:off x="3359285" y="871106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Design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3359285" y="871106"/>
        <a:ext cx="940464" cy="223581"/>
      </dsp:txXfrm>
    </dsp:sp>
    <dsp:sp modelId="{FF542CFF-1527-4E82-B16A-378B26C0B24A}">
      <dsp:nvSpPr>
        <dsp:cNvPr id="0" name=""/>
        <dsp:cNvSpPr/>
      </dsp:nvSpPr>
      <dsp:spPr>
        <a:xfrm>
          <a:off x="3594401" y="1292185"/>
          <a:ext cx="1446566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Requirement discovery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3594401" y="1292185"/>
        <a:ext cx="1446566" cy="223581"/>
      </dsp:txXfrm>
    </dsp:sp>
    <dsp:sp modelId="{0D0EDD5A-8061-4852-9273-1D225B0B42FB}">
      <dsp:nvSpPr>
        <dsp:cNvPr id="0" name=""/>
        <dsp:cNvSpPr/>
      </dsp:nvSpPr>
      <dsp:spPr>
        <a:xfrm>
          <a:off x="3594401" y="1713263"/>
          <a:ext cx="1446566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Requirement analysis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3594401" y="1713263"/>
        <a:ext cx="1446566" cy="223581"/>
      </dsp:txXfrm>
    </dsp:sp>
    <dsp:sp modelId="{A71FB3ED-4BFA-48B0-BA4F-A3D42C627AAC}">
      <dsp:nvSpPr>
        <dsp:cNvPr id="0" name=""/>
        <dsp:cNvSpPr/>
      </dsp:nvSpPr>
      <dsp:spPr>
        <a:xfrm>
          <a:off x="3594401" y="2134342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Prototyping 1</a:t>
          </a:r>
        </a:p>
      </dsp:txBody>
      <dsp:txXfrm>
        <a:off x="3594401" y="2134342"/>
        <a:ext cx="940464" cy="223581"/>
      </dsp:txXfrm>
    </dsp:sp>
    <dsp:sp modelId="{39566ABE-F92F-46E2-B619-324305F3111E}">
      <dsp:nvSpPr>
        <dsp:cNvPr id="0" name=""/>
        <dsp:cNvSpPr/>
      </dsp:nvSpPr>
      <dsp:spPr>
        <a:xfrm>
          <a:off x="5003349" y="871106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Development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5003349" y="871106"/>
        <a:ext cx="940464" cy="223581"/>
      </dsp:txXfrm>
    </dsp:sp>
    <dsp:sp modelId="{FA7BA99C-D90F-4C7F-937D-E5F30D57C66A}">
      <dsp:nvSpPr>
        <dsp:cNvPr id="0" name=""/>
        <dsp:cNvSpPr/>
      </dsp:nvSpPr>
      <dsp:spPr>
        <a:xfrm>
          <a:off x="5238465" y="1292185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Coding</a:t>
          </a:r>
        </a:p>
      </dsp:txBody>
      <dsp:txXfrm>
        <a:off x="5238465" y="1292185"/>
        <a:ext cx="940464" cy="223581"/>
      </dsp:txXfrm>
    </dsp:sp>
    <dsp:sp modelId="{F8E8C9EC-C03C-4941-A7ED-DC3D5AEC1333}">
      <dsp:nvSpPr>
        <dsp:cNvPr id="0" name=""/>
        <dsp:cNvSpPr/>
      </dsp:nvSpPr>
      <dsp:spPr>
        <a:xfrm>
          <a:off x="5238465" y="1713263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Debugging</a:t>
          </a:r>
        </a:p>
      </dsp:txBody>
      <dsp:txXfrm>
        <a:off x="5238465" y="1713263"/>
        <a:ext cx="940464" cy="223581"/>
      </dsp:txXfrm>
    </dsp:sp>
    <dsp:sp modelId="{176E2CFA-4E4C-4220-A574-1D7BC27976D1}">
      <dsp:nvSpPr>
        <dsp:cNvPr id="0" name=""/>
        <dsp:cNvSpPr/>
      </dsp:nvSpPr>
      <dsp:spPr>
        <a:xfrm>
          <a:off x="5238465" y="2134342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Documentation</a:t>
          </a:r>
        </a:p>
      </dsp:txBody>
      <dsp:txXfrm>
        <a:off x="5238465" y="2134342"/>
        <a:ext cx="940464" cy="223581"/>
      </dsp:txXfrm>
    </dsp:sp>
    <dsp:sp modelId="{9CD492D0-6C4B-4E90-AFE0-C5738B8D653C}">
      <dsp:nvSpPr>
        <dsp:cNvPr id="0" name=""/>
        <dsp:cNvSpPr/>
      </dsp:nvSpPr>
      <dsp:spPr>
        <a:xfrm>
          <a:off x="6141311" y="871106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Testing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6141311" y="871106"/>
        <a:ext cx="940464" cy="223581"/>
      </dsp:txXfrm>
    </dsp:sp>
    <dsp:sp modelId="{E56293E9-CC42-4D87-BB71-C0D88F66F707}">
      <dsp:nvSpPr>
        <dsp:cNvPr id="0" name=""/>
        <dsp:cNvSpPr/>
      </dsp:nvSpPr>
      <dsp:spPr>
        <a:xfrm>
          <a:off x="6376427" y="1292185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Test system</a:t>
          </a:r>
        </a:p>
      </dsp:txBody>
      <dsp:txXfrm>
        <a:off x="6376427" y="1292185"/>
        <a:ext cx="940464" cy="223581"/>
      </dsp:txXfrm>
    </dsp:sp>
    <dsp:sp modelId="{20B9E185-3172-4896-A99C-22407B93DA6F}">
      <dsp:nvSpPr>
        <dsp:cNvPr id="0" name=""/>
        <dsp:cNvSpPr/>
      </dsp:nvSpPr>
      <dsp:spPr>
        <a:xfrm>
          <a:off x="6376427" y="1713263"/>
          <a:ext cx="1127278" cy="198325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Test integration</a:t>
          </a:r>
        </a:p>
      </dsp:txBody>
      <dsp:txXfrm>
        <a:off x="6376427" y="1713263"/>
        <a:ext cx="1127278" cy="198325"/>
      </dsp:txXfrm>
    </dsp:sp>
    <dsp:sp modelId="{7353C8BB-B2C3-4E05-A49B-9A7D4F522797}">
      <dsp:nvSpPr>
        <dsp:cNvPr id="0" name=""/>
        <dsp:cNvSpPr/>
      </dsp:nvSpPr>
      <dsp:spPr>
        <a:xfrm>
          <a:off x="6376427" y="2109086"/>
          <a:ext cx="1127278" cy="198325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Usability testing</a:t>
          </a:r>
        </a:p>
      </dsp:txBody>
      <dsp:txXfrm>
        <a:off x="6376427" y="2109086"/>
        <a:ext cx="1127278" cy="198325"/>
      </dsp:txXfrm>
    </dsp:sp>
    <dsp:sp modelId="{4235E657-C856-45B1-95CC-6A2539F4A182}">
      <dsp:nvSpPr>
        <dsp:cNvPr id="0" name=""/>
        <dsp:cNvSpPr/>
      </dsp:nvSpPr>
      <dsp:spPr>
        <a:xfrm>
          <a:off x="7466087" y="871106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o-RO" sz="1100" b="1" kern="1200" dirty="0">
              <a:solidFill>
                <a:schemeClr val="bg1"/>
              </a:solidFill>
            </a:rPr>
            <a:t>Installation</a:t>
          </a:r>
          <a:endParaRPr lang="en-US" sz="1100" b="1" kern="1200" dirty="0">
            <a:solidFill>
              <a:schemeClr val="bg1"/>
            </a:solidFill>
          </a:endParaRPr>
        </a:p>
      </dsp:txBody>
      <dsp:txXfrm>
        <a:off x="7466087" y="871106"/>
        <a:ext cx="940464" cy="223581"/>
      </dsp:txXfrm>
    </dsp:sp>
    <dsp:sp modelId="{3CD6A0CB-B0C9-4078-A19B-C13F2D3C7E91}">
      <dsp:nvSpPr>
        <dsp:cNvPr id="0" name=""/>
        <dsp:cNvSpPr/>
      </dsp:nvSpPr>
      <dsp:spPr>
        <a:xfrm>
          <a:off x="7701203" y="1292185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Deployment</a:t>
          </a:r>
        </a:p>
      </dsp:txBody>
      <dsp:txXfrm>
        <a:off x="7701203" y="1292185"/>
        <a:ext cx="940464" cy="223581"/>
      </dsp:txXfrm>
    </dsp:sp>
    <dsp:sp modelId="{F4D073D3-48E3-41EF-B9B8-C4E882766916}">
      <dsp:nvSpPr>
        <dsp:cNvPr id="0" name=""/>
        <dsp:cNvSpPr/>
      </dsp:nvSpPr>
      <dsp:spPr>
        <a:xfrm>
          <a:off x="7701203" y="1713263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User training</a:t>
          </a:r>
        </a:p>
      </dsp:txBody>
      <dsp:txXfrm>
        <a:off x="7701203" y="1713263"/>
        <a:ext cx="940464" cy="223581"/>
      </dsp:txXfrm>
    </dsp:sp>
    <dsp:sp modelId="{F166B833-C6AB-4553-A7A6-CBD7D8A2506A}">
      <dsp:nvSpPr>
        <dsp:cNvPr id="0" name=""/>
        <dsp:cNvSpPr/>
      </dsp:nvSpPr>
      <dsp:spPr>
        <a:xfrm>
          <a:off x="7701203" y="2134342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Maintenance</a:t>
          </a:r>
        </a:p>
      </dsp:txBody>
      <dsp:txXfrm>
        <a:off x="7701203" y="2134342"/>
        <a:ext cx="940464" cy="223581"/>
      </dsp:txXfrm>
    </dsp:sp>
    <dsp:sp modelId="{388775F6-4231-472F-8642-3570DA63B421}">
      <dsp:nvSpPr>
        <dsp:cNvPr id="0" name=""/>
        <dsp:cNvSpPr/>
      </dsp:nvSpPr>
      <dsp:spPr>
        <a:xfrm>
          <a:off x="7701203" y="2555421"/>
          <a:ext cx="940464" cy="223581"/>
        </a:xfrm>
        <a:prstGeom prst="rect">
          <a:avLst/>
        </a:prstGeom>
        <a:solidFill>
          <a:srgbClr val="00A560"/>
        </a:solidFill>
        <a:ln w="12700" cap="flat" cmpd="sng" algn="ctr">
          <a:solidFill>
            <a:srgbClr val="00A56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>
              <a:solidFill>
                <a:schemeClr val="bg1"/>
              </a:solidFill>
            </a:rPr>
            <a:t>Review</a:t>
          </a:r>
        </a:p>
      </dsp:txBody>
      <dsp:txXfrm>
        <a:off x="7701203" y="2555421"/>
        <a:ext cx="940464" cy="22358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1A6AD3-8C28-DE86-534F-BED052FD108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661F52F-554B-206B-51EB-C87EA7D8DF8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C907B4-F6EF-EB83-8900-8ABEA2855D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9F3E891-D726-FD91-668E-B2EABCDB12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C1E0B5-5706-691D-82C2-DC8734FA2F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200904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58CD3A-4FE2-8967-57CB-B5E817A104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E1B8DE-CA33-E97D-A076-7680BB8AE07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40C621-8E50-7400-2C56-6ECA504F53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B0F7F4A-61DB-664A-1B51-85A873A3F2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73C1FBE-0F20-0962-07E5-CE7B5A71C8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51496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9F5D809-0D33-68ED-0D32-0872D9BDD97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DB0161B-DA09-8B9E-B1F2-4FE5B4D6AD5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B02FA5-5E6C-F1CB-297F-C2B40944FE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BE5B3AA-A5E6-C9CA-64AE-1FC7DA95F5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84032E-9FD5-8A65-63AD-33F0D68A60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74115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6F07-A64C-C1E0-BA4A-3F463F01FB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1C3251E-8547-7371-28E1-7D4C16A7C68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45ABDB0-A0BB-B9C3-602C-9704C91DD9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E75A55-6175-FD94-0077-1B36A4EE0A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EF48312-9A3E-086A-866B-4F2945F4CD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075590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AA195B-2048-BE83-3E0F-EBD2C034E9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725EC9-F1D8-6024-BBCF-63AED1F353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530B33-F06B-873E-12F6-B451C7491F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25C6E89-23A0-045D-0538-2DDD2A5A93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EA52108-3C98-6120-97DB-F7E949B261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94400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8A5B04-392F-E629-C6C1-D6E9EEBFA2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00E763-9A5E-BB4D-2A2F-6CF079B52F8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7CCA27C-8EAA-A4DC-2AA7-5EF22F2DEC8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FB7E811-356C-548D-9BD2-E562273C5D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52B215-959A-D034-936A-B5A71FFBC8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9E373D3-7498-53DF-71E2-3C4AC862F5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530701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2D9745-04B6-77C8-FF9F-FDC3B0B195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5C7736-7794-09F6-BD2C-3EB040DEA3D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EBB8D1B-D06D-64D5-2300-FAA05D4A168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E5D32CE-FC7B-E8D2-8E57-C12A46E5F22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619CEB8-97A1-C0AF-F8FD-8218E529AB8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E8841C9-E2EA-21B4-B355-C16061F2EC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5ABCE92-D619-C339-5A54-A1CCE74883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1B7BBA1-AE32-E0A8-4B53-0899CAE5B0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5593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8BDC17-EF5E-B98D-4873-A443B2B96E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D025CAF-5071-9AEF-E8FD-E3416C3FE6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CF86633-65D6-FDC9-84C8-8500B85B86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43816D-C6A1-77C0-E54A-890B3D7053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89486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DEA5427-E9F8-774E-DB1A-EB29D288D6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12FC6BF-BE0E-CF9E-1F4F-038F93A196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5A93A2E-5DF1-24C6-590B-58252F2B2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38872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1CBE69-99B7-6710-FA0E-9EB64EF46E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FD8D9E7-9C3B-1484-CDE5-BFEBF8CECBA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D996CFD-D92F-0D20-88D6-CA42DBB0232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8334797-363C-7285-403A-7F609DD003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CBEC6F5-CC65-E20F-AB1E-292C58D4B1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01523C6-1272-7954-50FE-15012C33E7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20839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7BBF2A-EE9A-2F2C-9DD2-4E4C6EE09E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920E0DF-B573-943B-9515-436553BDE31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01D034-E8DD-643B-2D0B-FE605307DBB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0CCB23-EF41-2DB7-AD5E-CBBFE76668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190BF72-82C3-8A70-3A2C-595956485A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39D2FC5-804D-76D2-B14C-00408B0BA0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6197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43251BA-45A5-BB38-866A-5E02AC99C7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3997B0E-774E-5A70-F926-E659652A976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7E32F7-E878-6ECF-36DA-71A8DC34EF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C25D424-4AB8-4B77-9C0C-B269434CA6A2}" type="datetimeFigureOut">
              <a:rPr lang="en-US" smtClean="0"/>
              <a:t>12/14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E5F16B-6F51-06C4-C5FA-F6E2638E81D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A4E1AB-959B-99AB-AB65-043C6DAEF7D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A6002F1-0BB3-47AE-85AD-9A3ACA32D8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44519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image" Target="../media/image3.pn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diagramData" Target="../diagrams/data1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diagramColors" Target="../diagrams/colors1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image" Target="../media/image4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diagramLayout" Target="../diagrams/layout1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microsoft.com/office/2007/relationships/diagramDrawing" Target="../diagrams/drawing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7.xml"/><Relationship Id="rId114" Type="http://schemas.openxmlformats.org/officeDocument/2006/relationships/hyperlink" Target="https://en.wikipedia.org/wiki/File:Yes_Check_Circle.svg" TargetMode="Externa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diagramQuickStyle" Target="../diagrams/quickStyle1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06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132.xml"/><Relationship Id="rId21" Type="http://schemas.openxmlformats.org/officeDocument/2006/relationships/tags" Target="../tags/tag127.xml"/><Relationship Id="rId42" Type="http://schemas.openxmlformats.org/officeDocument/2006/relationships/tags" Target="../tags/tag148.xml"/><Relationship Id="rId47" Type="http://schemas.openxmlformats.org/officeDocument/2006/relationships/tags" Target="../tags/tag153.xml"/><Relationship Id="rId63" Type="http://schemas.openxmlformats.org/officeDocument/2006/relationships/tags" Target="../tags/tag169.xml"/><Relationship Id="rId68" Type="http://schemas.openxmlformats.org/officeDocument/2006/relationships/tags" Target="../tags/tag174.xml"/><Relationship Id="rId84" Type="http://schemas.openxmlformats.org/officeDocument/2006/relationships/tags" Target="../tags/tag190.xml"/><Relationship Id="rId89" Type="http://schemas.openxmlformats.org/officeDocument/2006/relationships/tags" Target="../tags/tag195.xml"/><Relationship Id="rId2" Type="http://schemas.openxmlformats.org/officeDocument/2006/relationships/tags" Target="../tags/tag108.xml"/><Relationship Id="rId16" Type="http://schemas.openxmlformats.org/officeDocument/2006/relationships/tags" Target="../tags/tag122.xml"/><Relationship Id="rId29" Type="http://schemas.openxmlformats.org/officeDocument/2006/relationships/tags" Target="../tags/tag135.xml"/><Relationship Id="rId107" Type="http://schemas.openxmlformats.org/officeDocument/2006/relationships/image" Target="../media/image3.png"/><Relationship Id="rId11" Type="http://schemas.openxmlformats.org/officeDocument/2006/relationships/tags" Target="../tags/tag117.xml"/><Relationship Id="rId24" Type="http://schemas.openxmlformats.org/officeDocument/2006/relationships/tags" Target="../tags/tag130.xml"/><Relationship Id="rId32" Type="http://schemas.openxmlformats.org/officeDocument/2006/relationships/tags" Target="../tags/tag138.xml"/><Relationship Id="rId37" Type="http://schemas.openxmlformats.org/officeDocument/2006/relationships/tags" Target="../tags/tag143.xml"/><Relationship Id="rId40" Type="http://schemas.openxmlformats.org/officeDocument/2006/relationships/tags" Target="../tags/tag146.xml"/><Relationship Id="rId45" Type="http://schemas.openxmlformats.org/officeDocument/2006/relationships/tags" Target="../tags/tag151.xml"/><Relationship Id="rId53" Type="http://schemas.openxmlformats.org/officeDocument/2006/relationships/tags" Target="../tags/tag159.xml"/><Relationship Id="rId58" Type="http://schemas.openxmlformats.org/officeDocument/2006/relationships/tags" Target="../tags/tag164.xml"/><Relationship Id="rId66" Type="http://schemas.openxmlformats.org/officeDocument/2006/relationships/tags" Target="../tags/tag172.xml"/><Relationship Id="rId74" Type="http://schemas.openxmlformats.org/officeDocument/2006/relationships/tags" Target="../tags/tag180.xml"/><Relationship Id="rId79" Type="http://schemas.openxmlformats.org/officeDocument/2006/relationships/tags" Target="../tags/tag185.xml"/><Relationship Id="rId87" Type="http://schemas.openxmlformats.org/officeDocument/2006/relationships/tags" Target="../tags/tag193.xml"/><Relationship Id="rId102" Type="http://schemas.openxmlformats.org/officeDocument/2006/relationships/tags" Target="../tags/tag208.xml"/><Relationship Id="rId5" Type="http://schemas.openxmlformats.org/officeDocument/2006/relationships/tags" Target="../tags/tag111.xml"/><Relationship Id="rId61" Type="http://schemas.openxmlformats.org/officeDocument/2006/relationships/tags" Target="../tags/tag167.xml"/><Relationship Id="rId82" Type="http://schemas.openxmlformats.org/officeDocument/2006/relationships/tags" Target="../tags/tag188.xml"/><Relationship Id="rId90" Type="http://schemas.openxmlformats.org/officeDocument/2006/relationships/tags" Target="../tags/tag196.xml"/><Relationship Id="rId95" Type="http://schemas.openxmlformats.org/officeDocument/2006/relationships/tags" Target="../tags/tag201.xml"/><Relationship Id="rId19" Type="http://schemas.openxmlformats.org/officeDocument/2006/relationships/tags" Target="../tags/tag125.xml"/><Relationship Id="rId14" Type="http://schemas.openxmlformats.org/officeDocument/2006/relationships/tags" Target="../tags/tag120.xml"/><Relationship Id="rId22" Type="http://schemas.openxmlformats.org/officeDocument/2006/relationships/tags" Target="../tags/tag128.xml"/><Relationship Id="rId27" Type="http://schemas.openxmlformats.org/officeDocument/2006/relationships/tags" Target="../tags/tag133.xml"/><Relationship Id="rId30" Type="http://schemas.openxmlformats.org/officeDocument/2006/relationships/tags" Target="../tags/tag136.xml"/><Relationship Id="rId35" Type="http://schemas.openxmlformats.org/officeDocument/2006/relationships/tags" Target="../tags/tag141.xml"/><Relationship Id="rId43" Type="http://schemas.openxmlformats.org/officeDocument/2006/relationships/tags" Target="../tags/tag149.xml"/><Relationship Id="rId48" Type="http://schemas.openxmlformats.org/officeDocument/2006/relationships/tags" Target="../tags/tag154.xml"/><Relationship Id="rId56" Type="http://schemas.openxmlformats.org/officeDocument/2006/relationships/tags" Target="../tags/tag162.xml"/><Relationship Id="rId64" Type="http://schemas.openxmlformats.org/officeDocument/2006/relationships/tags" Target="../tags/tag170.xml"/><Relationship Id="rId69" Type="http://schemas.openxmlformats.org/officeDocument/2006/relationships/tags" Target="../tags/tag175.xml"/><Relationship Id="rId77" Type="http://schemas.openxmlformats.org/officeDocument/2006/relationships/tags" Target="../tags/tag183.xml"/><Relationship Id="rId100" Type="http://schemas.openxmlformats.org/officeDocument/2006/relationships/tags" Target="../tags/tag206.xml"/><Relationship Id="rId105" Type="http://schemas.openxmlformats.org/officeDocument/2006/relationships/tags" Target="../tags/tag211.xml"/><Relationship Id="rId8" Type="http://schemas.openxmlformats.org/officeDocument/2006/relationships/tags" Target="../tags/tag114.xml"/><Relationship Id="rId51" Type="http://schemas.openxmlformats.org/officeDocument/2006/relationships/tags" Target="../tags/tag157.xml"/><Relationship Id="rId72" Type="http://schemas.openxmlformats.org/officeDocument/2006/relationships/tags" Target="../tags/tag178.xml"/><Relationship Id="rId80" Type="http://schemas.openxmlformats.org/officeDocument/2006/relationships/tags" Target="../tags/tag186.xml"/><Relationship Id="rId85" Type="http://schemas.openxmlformats.org/officeDocument/2006/relationships/tags" Target="../tags/tag191.xml"/><Relationship Id="rId93" Type="http://schemas.openxmlformats.org/officeDocument/2006/relationships/tags" Target="../tags/tag199.xml"/><Relationship Id="rId98" Type="http://schemas.openxmlformats.org/officeDocument/2006/relationships/tags" Target="../tags/tag204.xml"/><Relationship Id="rId3" Type="http://schemas.openxmlformats.org/officeDocument/2006/relationships/tags" Target="../tags/tag109.xml"/><Relationship Id="rId12" Type="http://schemas.openxmlformats.org/officeDocument/2006/relationships/tags" Target="../tags/tag118.xml"/><Relationship Id="rId17" Type="http://schemas.openxmlformats.org/officeDocument/2006/relationships/tags" Target="../tags/tag123.xml"/><Relationship Id="rId25" Type="http://schemas.openxmlformats.org/officeDocument/2006/relationships/tags" Target="../tags/tag131.xml"/><Relationship Id="rId33" Type="http://schemas.openxmlformats.org/officeDocument/2006/relationships/tags" Target="../tags/tag139.xml"/><Relationship Id="rId38" Type="http://schemas.openxmlformats.org/officeDocument/2006/relationships/tags" Target="../tags/tag144.xml"/><Relationship Id="rId46" Type="http://schemas.openxmlformats.org/officeDocument/2006/relationships/tags" Target="../tags/tag152.xml"/><Relationship Id="rId59" Type="http://schemas.openxmlformats.org/officeDocument/2006/relationships/tags" Target="../tags/tag165.xml"/><Relationship Id="rId67" Type="http://schemas.openxmlformats.org/officeDocument/2006/relationships/tags" Target="../tags/tag173.xml"/><Relationship Id="rId103" Type="http://schemas.openxmlformats.org/officeDocument/2006/relationships/tags" Target="../tags/tag209.xml"/><Relationship Id="rId108" Type="http://schemas.openxmlformats.org/officeDocument/2006/relationships/image" Target="../media/image4.png"/><Relationship Id="rId20" Type="http://schemas.openxmlformats.org/officeDocument/2006/relationships/tags" Target="../tags/tag126.xml"/><Relationship Id="rId41" Type="http://schemas.openxmlformats.org/officeDocument/2006/relationships/tags" Target="../tags/tag147.xml"/><Relationship Id="rId54" Type="http://schemas.openxmlformats.org/officeDocument/2006/relationships/tags" Target="../tags/tag160.xml"/><Relationship Id="rId62" Type="http://schemas.openxmlformats.org/officeDocument/2006/relationships/tags" Target="../tags/tag168.xml"/><Relationship Id="rId70" Type="http://schemas.openxmlformats.org/officeDocument/2006/relationships/tags" Target="../tags/tag176.xml"/><Relationship Id="rId75" Type="http://schemas.openxmlformats.org/officeDocument/2006/relationships/tags" Target="../tags/tag181.xml"/><Relationship Id="rId83" Type="http://schemas.openxmlformats.org/officeDocument/2006/relationships/tags" Target="../tags/tag189.xml"/><Relationship Id="rId88" Type="http://schemas.openxmlformats.org/officeDocument/2006/relationships/tags" Target="../tags/tag194.xml"/><Relationship Id="rId91" Type="http://schemas.openxmlformats.org/officeDocument/2006/relationships/tags" Target="../tags/tag197.xml"/><Relationship Id="rId96" Type="http://schemas.openxmlformats.org/officeDocument/2006/relationships/tags" Target="../tags/tag202.xml"/><Relationship Id="rId1" Type="http://schemas.openxmlformats.org/officeDocument/2006/relationships/tags" Target="../tags/tag107.xml"/><Relationship Id="rId6" Type="http://schemas.openxmlformats.org/officeDocument/2006/relationships/tags" Target="../tags/tag112.xml"/><Relationship Id="rId15" Type="http://schemas.openxmlformats.org/officeDocument/2006/relationships/tags" Target="../tags/tag121.xml"/><Relationship Id="rId23" Type="http://schemas.openxmlformats.org/officeDocument/2006/relationships/tags" Target="../tags/tag129.xml"/><Relationship Id="rId28" Type="http://schemas.openxmlformats.org/officeDocument/2006/relationships/tags" Target="../tags/tag134.xml"/><Relationship Id="rId36" Type="http://schemas.openxmlformats.org/officeDocument/2006/relationships/tags" Target="../tags/tag142.xml"/><Relationship Id="rId49" Type="http://schemas.openxmlformats.org/officeDocument/2006/relationships/tags" Target="../tags/tag155.xml"/><Relationship Id="rId57" Type="http://schemas.openxmlformats.org/officeDocument/2006/relationships/tags" Target="../tags/tag163.xml"/><Relationship Id="rId106" Type="http://schemas.openxmlformats.org/officeDocument/2006/relationships/slideLayout" Target="../slideLayouts/slideLayout7.xml"/><Relationship Id="rId10" Type="http://schemas.openxmlformats.org/officeDocument/2006/relationships/tags" Target="../tags/tag116.xml"/><Relationship Id="rId31" Type="http://schemas.openxmlformats.org/officeDocument/2006/relationships/tags" Target="../tags/tag137.xml"/><Relationship Id="rId44" Type="http://schemas.openxmlformats.org/officeDocument/2006/relationships/tags" Target="../tags/tag150.xml"/><Relationship Id="rId52" Type="http://schemas.openxmlformats.org/officeDocument/2006/relationships/tags" Target="../tags/tag158.xml"/><Relationship Id="rId60" Type="http://schemas.openxmlformats.org/officeDocument/2006/relationships/tags" Target="../tags/tag166.xml"/><Relationship Id="rId65" Type="http://schemas.openxmlformats.org/officeDocument/2006/relationships/tags" Target="../tags/tag171.xml"/><Relationship Id="rId73" Type="http://schemas.openxmlformats.org/officeDocument/2006/relationships/tags" Target="../tags/tag179.xml"/><Relationship Id="rId78" Type="http://schemas.openxmlformats.org/officeDocument/2006/relationships/tags" Target="../tags/tag184.xml"/><Relationship Id="rId81" Type="http://schemas.openxmlformats.org/officeDocument/2006/relationships/tags" Target="../tags/tag187.xml"/><Relationship Id="rId86" Type="http://schemas.openxmlformats.org/officeDocument/2006/relationships/tags" Target="../tags/tag192.xml"/><Relationship Id="rId94" Type="http://schemas.openxmlformats.org/officeDocument/2006/relationships/tags" Target="../tags/tag200.xml"/><Relationship Id="rId99" Type="http://schemas.openxmlformats.org/officeDocument/2006/relationships/tags" Target="../tags/tag205.xml"/><Relationship Id="rId101" Type="http://schemas.openxmlformats.org/officeDocument/2006/relationships/tags" Target="../tags/tag207.xml"/><Relationship Id="rId4" Type="http://schemas.openxmlformats.org/officeDocument/2006/relationships/tags" Target="../tags/tag110.xml"/><Relationship Id="rId9" Type="http://schemas.openxmlformats.org/officeDocument/2006/relationships/tags" Target="../tags/tag115.xml"/><Relationship Id="rId13" Type="http://schemas.openxmlformats.org/officeDocument/2006/relationships/tags" Target="../tags/tag119.xml"/><Relationship Id="rId18" Type="http://schemas.openxmlformats.org/officeDocument/2006/relationships/tags" Target="../tags/tag124.xml"/><Relationship Id="rId39" Type="http://schemas.openxmlformats.org/officeDocument/2006/relationships/tags" Target="../tags/tag145.xml"/><Relationship Id="rId109" Type="http://schemas.openxmlformats.org/officeDocument/2006/relationships/hyperlink" Target="https://en.wikipedia.org/wiki/File:Yes_Check_Circle.svg" TargetMode="External"/><Relationship Id="rId34" Type="http://schemas.openxmlformats.org/officeDocument/2006/relationships/tags" Target="../tags/tag140.xml"/><Relationship Id="rId50" Type="http://schemas.openxmlformats.org/officeDocument/2006/relationships/tags" Target="../tags/tag156.xml"/><Relationship Id="rId55" Type="http://schemas.openxmlformats.org/officeDocument/2006/relationships/tags" Target="../tags/tag161.xml"/><Relationship Id="rId76" Type="http://schemas.openxmlformats.org/officeDocument/2006/relationships/tags" Target="../tags/tag182.xml"/><Relationship Id="rId97" Type="http://schemas.openxmlformats.org/officeDocument/2006/relationships/tags" Target="../tags/tag203.xml"/><Relationship Id="rId104" Type="http://schemas.openxmlformats.org/officeDocument/2006/relationships/tags" Target="../tags/tag210.xml"/><Relationship Id="rId7" Type="http://schemas.openxmlformats.org/officeDocument/2006/relationships/tags" Target="../tags/tag113.xml"/><Relationship Id="rId71" Type="http://schemas.openxmlformats.org/officeDocument/2006/relationships/tags" Target="../tags/tag177.xml"/><Relationship Id="rId92" Type="http://schemas.openxmlformats.org/officeDocument/2006/relationships/tags" Target="../tags/tag19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2BDC0C43-8431-87ED-8E77-BA11E115D152}"/>
              </a:ext>
            </a:extLst>
          </p:cNvPr>
          <p:cNvSpPr/>
          <p:nvPr/>
        </p:nvSpPr>
        <p:spPr>
          <a:xfrm>
            <a:off x="0" y="1"/>
            <a:ext cx="12192000" cy="3534310"/>
          </a:xfrm>
          <a:prstGeom prst="rect">
            <a:avLst/>
          </a:prstGeom>
          <a:solidFill>
            <a:srgbClr val="F5FAF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13" name="Diagram 12">
            <a:extLst>
              <a:ext uri="{FF2B5EF4-FFF2-40B4-BE49-F238E27FC236}">
                <a16:creationId xmlns:a16="http://schemas.microsoft.com/office/drawing/2014/main" id="{989675C0-3D64-ABFC-9988-17D0E919F15B}"/>
              </a:ext>
            </a:extLst>
          </p:cNvPr>
          <p:cNvGraphicFramePr/>
          <p:nvPr/>
        </p:nvGraphicFramePr>
        <p:xfrm>
          <a:off x="2319175" y="104149"/>
          <a:ext cx="8644360" cy="351252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07" r:lo="rId108" r:qs="rId109" r:cs="rId110"/>
          </a:graphicData>
        </a:graphic>
      </p:graphicFrame>
      <p:sp>
        <p:nvSpPr>
          <p:cNvPr id="87" name="OTLSHAPE_SL2A_c19d2477297d41bfa1bce03423e59104_BackgroundRectangle">
            <a:extLst>
              <a:ext uri="{FF2B5EF4-FFF2-40B4-BE49-F238E27FC236}">
                <a16:creationId xmlns:a16="http://schemas.microsoft.com/office/drawing/2014/main" id="{B98D13B8-1AC9-4D75-90E9-098A6B4C3EC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15188" y="4884928"/>
            <a:ext cx="10426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2A_c0973a74e1304ffcba2a448c154f8037_BackgroundRectangle">
            <a:extLst>
              <a:ext uri="{FF2B5EF4-FFF2-40B4-BE49-F238E27FC236}">
                <a16:creationId xmlns:a16="http://schemas.microsoft.com/office/drawing/2014/main" id="{121A95F0-83A1-53D5-0FDC-C414D47BD3D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15188" y="5164328"/>
            <a:ext cx="104267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SL2A_56786888ffa84412bbd5c14106c4c5c1_BackgroundRectangle">
            <a:extLst>
              <a:ext uri="{FF2B5EF4-FFF2-40B4-BE49-F238E27FC236}">
                <a16:creationId xmlns:a16="http://schemas.microsoft.com/office/drawing/2014/main" id="{49EC7D33-0F04-809C-1708-48330DB58CE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15188" y="5519928"/>
            <a:ext cx="104267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2A_c7d83c8d63f540f0906b1d01b6d221d3_BackgroundRectangle">
            <a:extLst>
              <a:ext uri="{FF2B5EF4-FFF2-40B4-BE49-F238E27FC236}">
                <a16:creationId xmlns:a16="http://schemas.microsoft.com/office/drawing/2014/main" id="{B73D4FD1-1023-A6BE-0E56-4570E7CF87F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15188" y="5939028"/>
            <a:ext cx="104267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03b4374b84f04bc39a1c425f9a3c6da6_BackgroundRectangle">
            <a:extLst>
              <a:ext uri="{FF2B5EF4-FFF2-40B4-BE49-F238E27FC236}">
                <a16:creationId xmlns:a16="http://schemas.microsoft.com/office/drawing/2014/main" id="{4CFA98B7-76F8-6B34-E0CA-59C44AC9F70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15188" y="6340771"/>
            <a:ext cx="104267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1" name="OTLSHAPE_SL2AL_00000000000000000000000000000000_ShapeBelow0">
            <a:extLst>
              <a:ext uri="{FF2B5EF4-FFF2-40B4-BE49-F238E27FC236}">
                <a16:creationId xmlns:a16="http://schemas.microsoft.com/office/drawing/2014/main" id="{CD5AA829-1230-DBA0-3215-4CDBE53A7353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15188" y="5164328"/>
            <a:ext cx="10424022" cy="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SL2AL_00000000000000000000000000000000_ShapeBelow1">
            <a:extLst>
              <a:ext uri="{FF2B5EF4-FFF2-40B4-BE49-F238E27FC236}">
                <a16:creationId xmlns:a16="http://schemas.microsoft.com/office/drawing/2014/main" id="{3B1985CD-B3D7-28DA-2796-CCE4F519567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15188" y="5519928"/>
            <a:ext cx="10424022" cy="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SL2AL_00000000000000000000000000000000_ShapeBelow2">
            <a:extLst>
              <a:ext uri="{FF2B5EF4-FFF2-40B4-BE49-F238E27FC236}">
                <a16:creationId xmlns:a16="http://schemas.microsoft.com/office/drawing/2014/main" id="{143BB305-529D-48ED-392B-93C877B9166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15188" y="6340771"/>
            <a:ext cx="10424022" cy="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OTLSHAPE_TB_00000000000000000000000000000000_ScaleContainer">
            <a:extLst>
              <a:ext uri="{FF2B5EF4-FFF2-40B4-BE49-F238E27FC236}">
                <a16:creationId xmlns:a16="http://schemas.microsoft.com/office/drawing/2014/main" id="{2DB20240-D67F-97C8-12AE-972CCAEE2C6C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772140" y="4114800"/>
            <a:ext cx="9271000" cy="182880"/>
          </a:xfrm>
          <a:prstGeom prst="round2SameRect">
            <a:avLst/>
          </a:prstGeom>
          <a:solidFill>
            <a:srgbClr val="23293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_740e63e3378d425bac6ccd042bc5df17_HeaderRectangle">
            <a:extLst>
              <a:ext uri="{FF2B5EF4-FFF2-40B4-BE49-F238E27FC236}">
                <a16:creationId xmlns:a16="http://schemas.microsoft.com/office/drawing/2014/main" id="{DB2A9D7C-34F7-329A-474A-88FC033E2F5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884928"/>
            <a:ext cx="558800" cy="990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_0ff4cff9749045608d076284b461e3a0_HeaderRectangle">
            <a:extLst>
              <a:ext uri="{FF2B5EF4-FFF2-40B4-BE49-F238E27FC236}">
                <a16:creationId xmlns:a16="http://schemas.microsoft.com/office/drawing/2014/main" id="{BD7617ED-D8D7-2EB8-F6BA-63E14DEA455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939028"/>
            <a:ext cx="558800" cy="803487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2A_c19d2477297d41bfa1bce03423e59104_HeaderRectangle">
            <a:extLst>
              <a:ext uri="{FF2B5EF4-FFF2-40B4-BE49-F238E27FC236}">
                <a16:creationId xmlns:a16="http://schemas.microsoft.com/office/drawing/2014/main" id="{36218588-41E1-DB27-E9B7-B1CBD2833C8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15188" y="4884928"/>
            <a:ext cx="10414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c0973a74e1304ffcba2a448c154f8037_HeaderRectangle">
            <a:extLst>
              <a:ext uri="{FF2B5EF4-FFF2-40B4-BE49-F238E27FC236}">
                <a16:creationId xmlns:a16="http://schemas.microsoft.com/office/drawing/2014/main" id="{383739B1-26A5-E9FA-DC09-06EF52FD02E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15188" y="5164328"/>
            <a:ext cx="1041400" cy="3556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SL2A_56786888ffa84412bbd5c14106c4c5c1_HeaderRectangle">
            <a:extLst>
              <a:ext uri="{FF2B5EF4-FFF2-40B4-BE49-F238E27FC236}">
                <a16:creationId xmlns:a16="http://schemas.microsoft.com/office/drawing/2014/main" id="{DDD83327-0825-6871-F9DE-285838D3099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15188" y="5519928"/>
            <a:ext cx="1041400" cy="3556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2A_c7d83c8d63f540f0906b1d01b6d221d3_HeaderRectangle">
            <a:extLst>
              <a:ext uri="{FF2B5EF4-FFF2-40B4-BE49-F238E27FC236}">
                <a16:creationId xmlns:a16="http://schemas.microsoft.com/office/drawing/2014/main" id="{E4B2A791-9FE8-02AC-6BEB-D622D9B6488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15188" y="5939028"/>
            <a:ext cx="1041400" cy="401743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03b4374b84f04bc39a1c425f9a3c6da6_HeaderRectangle">
            <a:extLst>
              <a:ext uri="{FF2B5EF4-FFF2-40B4-BE49-F238E27FC236}">
                <a16:creationId xmlns:a16="http://schemas.microsoft.com/office/drawing/2014/main" id="{0AEDFCE7-177D-2A04-DEDA-69D665C0C6D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15188" y="6340771"/>
            <a:ext cx="1041400" cy="401743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TB_00000000000000000000000000000000_MiddleScaleContainer">
            <a:extLst>
              <a:ext uri="{FF2B5EF4-FFF2-40B4-BE49-F238E27FC236}">
                <a16:creationId xmlns:a16="http://schemas.microsoft.com/office/drawing/2014/main" id="{FCC2BC95-9C31-5EEC-8DBF-D6D8D3D0C3E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772140" y="4306824"/>
            <a:ext cx="9271000" cy="182880"/>
          </a:xfrm>
          <a:prstGeom prst="rect">
            <a:avLst/>
          </a:prstGeom>
          <a:solidFill>
            <a:srgbClr val="23293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TB_00000000000000000000000000000000_BottomScaleContainer">
            <a:extLst>
              <a:ext uri="{FF2B5EF4-FFF2-40B4-BE49-F238E27FC236}">
                <a16:creationId xmlns:a16="http://schemas.microsoft.com/office/drawing/2014/main" id="{57989261-EC0D-FC70-792E-338E9B1B96E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772140" y="4498848"/>
            <a:ext cx="92710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23293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8" name="OTLSHAPE_G_00000000000000000000000000000000_ShapeBelow0">
            <a:extLst>
              <a:ext uri="{FF2B5EF4-FFF2-40B4-BE49-F238E27FC236}">
                <a16:creationId xmlns:a16="http://schemas.microsoft.com/office/drawing/2014/main" id="{5DEB6D04-A469-FABC-D455-7DB61E48C12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096006" y="468172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G_00000000000000000000000000000000_ShapeBelow1">
            <a:extLst>
              <a:ext uri="{FF2B5EF4-FFF2-40B4-BE49-F238E27FC236}">
                <a16:creationId xmlns:a16="http://schemas.microsoft.com/office/drawing/2014/main" id="{2CD1AA3C-48DD-BE52-3A11-6876FC88271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419874" y="468172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G_00000000000000000000000000000000_ShapeBelow2">
            <a:extLst>
              <a:ext uri="{FF2B5EF4-FFF2-40B4-BE49-F238E27FC236}">
                <a16:creationId xmlns:a16="http://schemas.microsoft.com/office/drawing/2014/main" id="{1BC09F37-74D0-7F5D-5F69-3482B17DE31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743741" y="468172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G_00000000000000000000000000000000_ShapeBelow3">
            <a:extLst>
              <a:ext uri="{FF2B5EF4-FFF2-40B4-BE49-F238E27FC236}">
                <a16:creationId xmlns:a16="http://schemas.microsoft.com/office/drawing/2014/main" id="{04B6450E-4945-B4DA-18F5-A0EB230F7D3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067608" y="468172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4">
            <a:extLst>
              <a:ext uri="{FF2B5EF4-FFF2-40B4-BE49-F238E27FC236}">
                <a16:creationId xmlns:a16="http://schemas.microsoft.com/office/drawing/2014/main" id="{EE7E42FE-9DF8-0BF2-B64E-1F19FF1144B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391475" y="468172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G_00000000000000000000000000000000_ShapeBelow5">
            <a:extLst>
              <a:ext uri="{FF2B5EF4-FFF2-40B4-BE49-F238E27FC236}">
                <a16:creationId xmlns:a16="http://schemas.microsoft.com/office/drawing/2014/main" id="{BEFDEF8B-1935-6520-43B3-5E609168910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715343" y="468172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0" name="OTLSHAPE_SLT_bc2e95858cec48a29dc2ad8977f1747c_Shape">
            <a:extLst>
              <a:ext uri="{FF2B5EF4-FFF2-40B4-BE49-F238E27FC236}">
                <a16:creationId xmlns:a16="http://schemas.microsoft.com/office/drawing/2014/main" id="{9AB79586-9068-0C00-5508-9016C1DBA96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847789" y="4923028"/>
            <a:ext cx="28829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SLT_846de591b7cd467b8e1c54cfbd1ac813_Shape">
            <a:extLst>
              <a:ext uri="{FF2B5EF4-FFF2-40B4-BE49-F238E27FC236}">
                <a16:creationId xmlns:a16="http://schemas.microsoft.com/office/drawing/2014/main" id="{955B65D1-E587-D248-559E-E0F7C5328EB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020357" y="5202428"/>
            <a:ext cx="34163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SLT_b2a548cdf8234c06bf713264852fa376_Shape">
            <a:extLst>
              <a:ext uri="{FF2B5EF4-FFF2-40B4-BE49-F238E27FC236}">
                <a16:creationId xmlns:a16="http://schemas.microsoft.com/office/drawing/2014/main" id="{D536F621-EF29-808C-3AD5-DB88C0399A2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327669" y="5558028"/>
            <a:ext cx="28067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SLT_fa831418fdbf4335b4edbf85455619c0_Shape">
            <a:extLst>
              <a:ext uri="{FF2B5EF4-FFF2-40B4-BE49-F238E27FC236}">
                <a16:creationId xmlns:a16="http://schemas.microsoft.com/office/drawing/2014/main" id="{73F3DD7B-59A9-71F0-374F-259E374D315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126702" y="5558028"/>
            <a:ext cx="25781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SLT_846de591b7cd467b8e1c54cfbd1ac813_ShapePercentage">
            <a:extLst>
              <a:ext uri="{FF2B5EF4-FFF2-40B4-BE49-F238E27FC236}">
                <a16:creationId xmlns:a16="http://schemas.microsoft.com/office/drawing/2014/main" id="{EB69F34E-F95A-963E-590F-FC65A7E78A5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020357" y="5202428"/>
            <a:ext cx="23876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M_417cfa40527d46b6b05d61853fb55009_Shape">
            <a:extLst>
              <a:ext uri="{FF2B5EF4-FFF2-40B4-BE49-F238E27FC236}">
                <a16:creationId xmlns:a16="http://schemas.microsoft.com/office/drawing/2014/main" id="{638F5B3C-BD79-91F1-9F30-3B36FE11E09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48086" y="60129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M_95709696a38649ffbdd746ab0828ed32_Shape">
            <a:extLst>
              <a:ext uri="{FF2B5EF4-FFF2-40B4-BE49-F238E27FC236}">
                <a16:creationId xmlns:a16="http://schemas.microsoft.com/office/drawing/2014/main" id="{738CDC43-1559-622E-9F4B-8B452DE2EDD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827966" y="6414643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M_babe1040f6434c58b0fdddc6c6d683b1_Shape">
            <a:extLst>
              <a:ext uri="{FF2B5EF4-FFF2-40B4-BE49-F238E27FC236}">
                <a16:creationId xmlns:a16="http://schemas.microsoft.com/office/drawing/2014/main" id="{E59D2069-647E-57E4-FBB2-C7777145A7B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735760" y="6414643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M_98275f49cd564532aefef7d9db4bf21b_Shape">
            <a:extLst>
              <a:ext uri="{FF2B5EF4-FFF2-40B4-BE49-F238E27FC236}">
                <a16:creationId xmlns:a16="http://schemas.microsoft.com/office/drawing/2014/main" id="{44AB40EE-3B3F-B632-E754-49E0DDF4E3C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487543" y="60129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M_7d6872a2f95d48a2b5e79e027bc6fdb5_Shape">
            <a:extLst>
              <a:ext uri="{FF2B5EF4-FFF2-40B4-BE49-F238E27FC236}">
                <a16:creationId xmlns:a16="http://schemas.microsoft.com/office/drawing/2014/main" id="{60238590-C19D-A3EF-C92C-2EC7F536D88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936726" y="60129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SL_740e63e3378d425bac6ccd042bc5df17_Header">
            <a:extLst>
              <a:ext uri="{FF2B5EF4-FFF2-40B4-BE49-F238E27FC236}">
                <a16:creationId xmlns:a16="http://schemas.microsoft.com/office/drawing/2014/main" id="{0411CC40-724E-F422-9E36-BDC552B85CC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 rot="16200000">
            <a:off x="-155956" y="5271707"/>
            <a:ext cx="990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dirty="0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77" name="OTLSHAPE_SL_0ff4cff9749045608d076284b461e3a0_Header">
            <a:extLst>
              <a:ext uri="{FF2B5EF4-FFF2-40B4-BE49-F238E27FC236}">
                <a16:creationId xmlns:a16="http://schemas.microsoft.com/office/drawing/2014/main" id="{BC035A9E-B5FE-5629-CBA9-2394E341862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 rot="16200000">
            <a:off x="-62399" y="6232250"/>
            <a:ext cx="803487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>
                <a:solidFill>
                  <a:schemeClr val="lt1"/>
                </a:solidFill>
                <a:latin typeface="Calibri" panose="020F0502020204030204" pitchFamily="34" charset="0"/>
              </a:rPr>
              <a:t>Implemnt</a:t>
            </a:r>
          </a:p>
        </p:txBody>
      </p:sp>
      <p:sp>
        <p:nvSpPr>
          <p:cNvPr id="86" name="OTLSHAPE_SL2A_c19d2477297d41bfa1bce03423e59104_Header">
            <a:extLst>
              <a:ext uri="{FF2B5EF4-FFF2-40B4-BE49-F238E27FC236}">
                <a16:creationId xmlns:a16="http://schemas.microsoft.com/office/drawing/2014/main" id="{78699890-0A81-653C-7EF3-14744988E90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78688" y="4931601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97" name="OTLSHAPE_SL2A_c0973a74e1304ffcba2a448c154f8037_Header">
            <a:extLst>
              <a:ext uri="{FF2B5EF4-FFF2-40B4-BE49-F238E27FC236}">
                <a16:creationId xmlns:a16="http://schemas.microsoft.com/office/drawing/2014/main" id="{AC6719E8-B8EB-C60A-8514-8AB6C8347E1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78688" y="5249101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US" sz="12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2A_56786888ffa84412bbd5c14106c4c5c1_Header">
            <a:extLst>
              <a:ext uri="{FF2B5EF4-FFF2-40B4-BE49-F238E27FC236}">
                <a16:creationId xmlns:a16="http://schemas.microsoft.com/office/drawing/2014/main" id="{54B4913C-E0FE-78F4-BE2F-5E9F0396849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78688" y="5604701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en-US" sz="12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2A_c7d83c8d63f540f0906b1d01b6d221d3_Header">
            <a:extLst>
              <a:ext uri="{FF2B5EF4-FFF2-40B4-BE49-F238E27FC236}">
                <a16:creationId xmlns:a16="http://schemas.microsoft.com/office/drawing/2014/main" id="{93CA872D-5404-2D83-D472-EA658EF0552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78688" y="6046872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  <a:endParaRPr lang="en-US" sz="12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03b4374b84f04bc39a1c425f9a3c6da6_Header">
            <a:extLst>
              <a:ext uri="{FF2B5EF4-FFF2-40B4-BE49-F238E27FC236}">
                <a16:creationId xmlns:a16="http://schemas.microsoft.com/office/drawing/2014/main" id="{A0835C54-1803-C83F-E35E-5A052154B7C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78688" y="6448615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  <a:endParaRPr lang="en-US" sz="12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5E2B3DE-25CF-0629-6F82-0378E27CF19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835640" y="41209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2330AAF-B9EB-C9E5-3863-9947E7523BD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083857" y="41209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B33920BA-3D26-F554-9CF2-B27CE02E5AB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525913" y="41209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ED30B8D-EC1E-D732-E73A-463569B2279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005792" y="412098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95" name="OTLSHAPE_SLT_bc2e95858cec48a29dc2ad8977f1747c_Title">
            <a:extLst>
              <a:ext uri="{FF2B5EF4-FFF2-40B4-BE49-F238E27FC236}">
                <a16:creationId xmlns:a16="http://schemas.microsoft.com/office/drawing/2014/main" id="{84EFBD6F-70C0-88FF-0ADF-8BF5307C457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712390" y="4931601"/>
            <a:ext cx="115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>
                <a:solidFill>
                  <a:schemeClr val="lt1"/>
                </a:solidFill>
                <a:latin typeface="Calibri" panose="020F0502020204030204" pitchFamily="34" charset="0"/>
              </a:rPr>
              <a:t>Scope, team, WBS</a:t>
            </a:r>
            <a:endParaRPr lang="en-US" sz="12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846de591b7cd467b8e1c54cfbd1ac813_Duration">
            <a:extLst>
              <a:ext uri="{FF2B5EF4-FFF2-40B4-BE49-F238E27FC236}">
                <a16:creationId xmlns:a16="http://schemas.microsoft.com/office/drawing/2014/main" id="{77FAE458-D033-ECCC-EF56-066CF1AB10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580937" y="52646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64 days</a:t>
            </a:r>
            <a:endParaRPr lang="en-US" sz="1000" spc="-8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846de591b7cd467b8e1c54cfbd1ac813_Title">
            <a:extLst>
              <a:ext uri="{FF2B5EF4-FFF2-40B4-BE49-F238E27FC236}">
                <a16:creationId xmlns:a16="http://schemas.microsoft.com/office/drawing/2014/main" id="{FD4EDA76-9263-7DEA-03F5-2D0312E62E0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279907" y="5249101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>
                <a:solidFill>
                  <a:schemeClr val="lt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117" name="OTLSHAPE_SLT_b2a548cdf8234c06bf713264852fa376_Title">
            <a:extLst>
              <a:ext uri="{FF2B5EF4-FFF2-40B4-BE49-F238E27FC236}">
                <a16:creationId xmlns:a16="http://schemas.microsoft.com/office/drawing/2014/main" id="{68199D9A-819C-BACF-D8A0-F25E77EAB2F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509262" y="5604701"/>
            <a:ext cx="44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6">
                <a:solidFill>
                  <a:schemeClr val="lt1"/>
                </a:solidFill>
                <a:latin typeface="Calibri" panose="020F0502020204030204" pitchFamily="34" charset="0"/>
              </a:rPr>
              <a:t>Coding</a:t>
            </a:r>
            <a:endParaRPr lang="en-US" sz="1200" b="1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fa831418fdbf4335b4edbf85455619c0_Title">
            <a:extLst>
              <a:ext uri="{FF2B5EF4-FFF2-40B4-BE49-F238E27FC236}">
                <a16:creationId xmlns:a16="http://schemas.microsoft.com/office/drawing/2014/main" id="{AEEC0918-0EA1-6A64-F2B6-427A4AED25C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075928" y="5604701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>
                <a:solidFill>
                  <a:schemeClr val="lt1"/>
                </a:solidFill>
                <a:latin typeface="Calibri" panose="020F0502020204030204" pitchFamily="34" charset="0"/>
              </a:rPr>
              <a:t>Debugging</a:t>
            </a:r>
          </a:p>
        </p:txBody>
      </p:sp>
      <p:sp>
        <p:nvSpPr>
          <p:cNvPr id="133" name="OTLSHAPE_SLM_417cfa40527d46b6b05d61853fb55009_Title">
            <a:extLst>
              <a:ext uri="{FF2B5EF4-FFF2-40B4-BE49-F238E27FC236}">
                <a16:creationId xmlns:a16="http://schemas.microsoft.com/office/drawing/2014/main" id="{398673C5-EC3C-333D-B346-859F9B8A75E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631975" y="597712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est system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M_417cfa40527d46b6b05d61853fb55009_Date">
            <a:extLst>
              <a:ext uri="{FF2B5EF4-FFF2-40B4-BE49-F238E27FC236}">
                <a16:creationId xmlns:a16="http://schemas.microsoft.com/office/drawing/2014/main" id="{34AD1A51-61AC-23E0-C3E6-865EDB49682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965858" y="614764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36" name="OTLSHAPE_SLM_95709696a38649ffbdd746ab0828ed32_Title">
            <a:extLst>
              <a:ext uri="{FF2B5EF4-FFF2-40B4-BE49-F238E27FC236}">
                <a16:creationId xmlns:a16="http://schemas.microsoft.com/office/drawing/2014/main" id="{7C02D6E1-5C8B-7AA7-2A44-1A1CA6F12EC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063044" y="637887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137" name="OTLSHAPE_SLM_95709696a38649ffbdd746ab0828ed32_Date">
            <a:extLst>
              <a:ext uri="{FF2B5EF4-FFF2-40B4-BE49-F238E27FC236}">
                <a16:creationId xmlns:a16="http://schemas.microsoft.com/office/drawing/2014/main" id="{645FBCF9-A828-4BA5-90AA-6543CC2715F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431430" y="654939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Sep 30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M_babe1040f6434c58b0fdddc6c6d683b1_Title">
            <a:extLst>
              <a:ext uri="{FF2B5EF4-FFF2-40B4-BE49-F238E27FC236}">
                <a16:creationId xmlns:a16="http://schemas.microsoft.com/office/drawing/2014/main" id="{4DC00016-B080-314A-9350-A75C69FA8E2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264591" y="6378871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Review</a:t>
            </a:r>
          </a:p>
        </p:txBody>
      </p:sp>
      <p:sp>
        <p:nvSpPr>
          <p:cNvPr id="140" name="OTLSHAPE_SLM_babe1040f6434c58b0fdddc6c6d683b1_Date">
            <a:extLst>
              <a:ext uri="{FF2B5EF4-FFF2-40B4-BE49-F238E27FC236}">
                <a16:creationId xmlns:a16="http://schemas.microsoft.com/office/drawing/2014/main" id="{00073EB4-4B9B-DB96-C4FA-712642091E6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0347141" y="654939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Oct 24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TB_00000000000000000000000000000000_MiddleTimescaleInterval2">
            <a:extLst>
              <a:ext uri="{FF2B5EF4-FFF2-40B4-BE49-F238E27FC236}">
                <a16:creationId xmlns:a16="http://schemas.microsoft.com/office/drawing/2014/main" id="{AD2F901A-2E41-A823-AAED-22AA12D2092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911289" y="4313005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88" name="OTLSHAPE_TB_00000000000000000000000000000000_MiddleTimescaleInterval3">
            <a:extLst>
              <a:ext uri="{FF2B5EF4-FFF2-40B4-BE49-F238E27FC236}">
                <a16:creationId xmlns:a16="http://schemas.microsoft.com/office/drawing/2014/main" id="{91C61169-F5C5-81C1-32C9-159B9E4D1AB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083857" y="4313005"/>
            <a:ext cx="20518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90" name="OTLSHAPE_TB_00000000000000000000000000000000_MiddleTimescaleInterval4">
            <a:extLst>
              <a:ext uri="{FF2B5EF4-FFF2-40B4-BE49-F238E27FC236}">
                <a16:creationId xmlns:a16="http://schemas.microsoft.com/office/drawing/2014/main" id="{313E1148-8500-CEBC-0EE0-0EC55F2AD47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218601" y="4313005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92" name="OTLSHAPE_TB_00000000000000000000000000000000_MiddleTimescaleInterval5">
            <a:extLst>
              <a:ext uri="{FF2B5EF4-FFF2-40B4-BE49-F238E27FC236}">
                <a16:creationId xmlns:a16="http://schemas.microsoft.com/office/drawing/2014/main" id="{E8AFC840-CA0D-C1DF-7F14-166F94B4F0A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391169" y="4313005"/>
            <a:ext cx="19236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2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94" name="OTLSHAPE_TB_00000000000000000000000000000000_MiddleTimescaleInterval6">
            <a:extLst>
              <a:ext uri="{FF2B5EF4-FFF2-40B4-BE49-F238E27FC236}">
                <a16:creationId xmlns:a16="http://schemas.microsoft.com/office/drawing/2014/main" id="{2AF2D70E-8012-03BA-E250-D5215C35276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525913" y="4313005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96" name="OTLSHAPE_TB_00000000000000000000000000000000_MiddleTimescaleInterval7">
            <a:extLst>
              <a:ext uri="{FF2B5EF4-FFF2-40B4-BE49-F238E27FC236}">
                <a16:creationId xmlns:a16="http://schemas.microsoft.com/office/drawing/2014/main" id="{726F8DE3-90D1-D4E5-1533-E0AFC837A8F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698480" y="4313005"/>
            <a:ext cx="22121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98" name="OTLSHAPE_TB_00000000000000000000000000000000_MiddleTimescaleInterval8">
            <a:extLst>
              <a:ext uri="{FF2B5EF4-FFF2-40B4-BE49-F238E27FC236}">
                <a16:creationId xmlns:a16="http://schemas.microsoft.com/office/drawing/2014/main" id="{86646AF7-0AC6-18A1-E406-06B479EF783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871048" y="4313005"/>
            <a:ext cx="20839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2" dirty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00" name="OTLSHAPE_TB_00000000000000000000000000000000_MiddleTimescaleInterval9">
            <a:extLst>
              <a:ext uri="{FF2B5EF4-FFF2-40B4-BE49-F238E27FC236}">
                <a16:creationId xmlns:a16="http://schemas.microsoft.com/office/drawing/2014/main" id="{5C2DE79C-B433-FE04-5A0C-8FCADB1310D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005792" y="4313005"/>
            <a:ext cx="1987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0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01" name="OTLSHAPE_TB_00000000000000000000000000000000_BottomTimescaleInterval1">
            <a:extLst>
              <a:ext uri="{FF2B5EF4-FFF2-40B4-BE49-F238E27FC236}">
                <a16:creationId xmlns:a16="http://schemas.microsoft.com/office/drawing/2014/main" id="{5D9901E3-B7F8-C1E5-4768-F94FC53A165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835640" y="4505029"/>
            <a:ext cx="43441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203" name="OTLSHAPE_TB_00000000000000000000000000000000_BottomTimescaleInterval2">
            <a:extLst>
              <a:ext uri="{FF2B5EF4-FFF2-40B4-BE49-F238E27FC236}">
                <a16:creationId xmlns:a16="http://schemas.microsoft.com/office/drawing/2014/main" id="{77509AA4-8A30-5044-923E-3B2E792D5D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159507" y="4505029"/>
            <a:ext cx="6931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8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205" name="OTLSHAPE_TB_00000000000000000000000000000000_BottomTimescaleInterval3">
            <a:extLst>
              <a:ext uri="{FF2B5EF4-FFF2-40B4-BE49-F238E27FC236}">
                <a16:creationId xmlns:a16="http://schemas.microsoft.com/office/drawing/2014/main" id="{D4F583EB-36F3-EA1C-6D37-237B728D16B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483374" y="4505029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07" name="OTLSHAPE_TB_00000000000000000000000000000000_BottomTimescaleInterval4">
            <a:extLst>
              <a:ext uri="{FF2B5EF4-FFF2-40B4-BE49-F238E27FC236}">
                <a16:creationId xmlns:a16="http://schemas.microsoft.com/office/drawing/2014/main" id="{921A4CB8-F888-5669-CEFD-E6A5BA774D6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807241" y="4505029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209" name="OTLSHAPE_TB_00000000000000000000000000000000_BottomTimescaleInterval5">
            <a:extLst>
              <a:ext uri="{FF2B5EF4-FFF2-40B4-BE49-F238E27FC236}">
                <a16:creationId xmlns:a16="http://schemas.microsoft.com/office/drawing/2014/main" id="{1577FC4B-0225-FE3D-B5BF-15090F1442F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131109" y="4505029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211" name="OTLSHAPE_TB_00000000000000000000000000000000_BottomTimescaleInterval6">
            <a:extLst>
              <a:ext uri="{FF2B5EF4-FFF2-40B4-BE49-F238E27FC236}">
                <a16:creationId xmlns:a16="http://schemas.microsoft.com/office/drawing/2014/main" id="{BA065AD7-C248-6042-FD1B-D97972362F7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454976" y="4505029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26</a:t>
            </a:r>
          </a:p>
        </p:txBody>
      </p:sp>
      <p:sp>
        <p:nvSpPr>
          <p:cNvPr id="213" name="OTLSHAPE_TB_00000000000000000000000000000000_BottomTimescaleInterval7">
            <a:extLst>
              <a:ext uri="{FF2B5EF4-FFF2-40B4-BE49-F238E27FC236}">
                <a16:creationId xmlns:a16="http://schemas.microsoft.com/office/drawing/2014/main" id="{2553FA1A-71C8-F13E-A3BD-23E7071776C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778843" y="4505029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 dirty="0">
                <a:solidFill>
                  <a:schemeClr val="lt1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44" name="OTLSHAPE_SLM_98275f49cd564532aefef7d9db4bf21b_Title">
            <a:extLst>
              <a:ext uri="{FF2B5EF4-FFF2-40B4-BE49-F238E27FC236}">
                <a16:creationId xmlns:a16="http://schemas.microsoft.com/office/drawing/2014/main" id="{3F26D3A9-E6CF-6E8F-B93F-A3CACAE6392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502658" y="597712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sability testing</a:t>
            </a:r>
          </a:p>
        </p:txBody>
      </p:sp>
      <p:sp>
        <p:nvSpPr>
          <p:cNvPr id="45" name="OTLSHAPE_SLM_98275f49cd564532aefef7d9db4bf21b_Date">
            <a:extLst>
              <a:ext uri="{FF2B5EF4-FFF2-40B4-BE49-F238E27FC236}">
                <a16:creationId xmlns:a16="http://schemas.microsoft.com/office/drawing/2014/main" id="{3C399CE7-A415-D3E9-FDD0-6AEA4AB318B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091006" y="614764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Sep 21</a:t>
            </a:r>
          </a:p>
        </p:txBody>
      </p:sp>
      <p:sp>
        <p:nvSpPr>
          <p:cNvPr id="47" name="OTLSHAPE_SLM_7d6872a2f95d48a2b5e79e027bc6fdb5_Title">
            <a:extLst>
              <a:ext uri="{FF2B5EF4-FFF2-40B4-BE49-F238E27FC236}">
                <a16:creationId xmlns:a16="http://schemas.microsoft.com/office/drawing/2014/main" id="{4121E6F3-3A51-B678-FDCB-5E9B5E1D909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986978" y="5977128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est integration</a:t>
            </a:r>
          </a:p>
        </p:txBody>
      </p:sp>
      <p:sp>
        <p:nvSpPr>
          <p:cNvPr id="48" name="OTLSHAPE_SLM_7d6872a2f95d48a2b5e79e027bc6fdb5_Date">
            <a:extLst>
              <a:ext uri="{FF2B5EF4-FFF2-40B4-BE49-F238E27FC236}">
                <a16:creationId xmlns:a16="http://schemas.microsoft.com/office/drawing/2014/main" id="{25496AC7-5B9F-3264-75B3-65E4800EA36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528464" y="614764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Aug 11</a:t>
            </a:r>
          </a:p>
        </p:txBody>
      </p:sp>
      <p:cxnSp>
        <p:nvCxnSpPr>
          <p:cNvPr id="146" name="OTLSHAPE_TB_00000000000000000000000000000000_Separator1">
            <a:extLst>
              <a:ext uri="{FF2B5EF4-FFF2-40B4-BE49-F238E27FC236}">
                <a16:creationId xmlns:a16="http://schemas.microsoft.com/office/drawing/2014/main" id="{30A36037-138D-9747-6DA3-8A30166CCB06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3020357" y="41148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B_00000000000000000000000000000000_Separator2">
            <a:extLst>
              <a:ext uri="{FF2B5EF4-FFF2-40B4-BE49-F238E27FC236}">
                <a16:creationId xmlns:a16="http://schemas.microsoft.com/office/drawing/2014/main" id="{432CBA3D-115A-27F3-B402-9779B54AC521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6462412" y="41148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TB_00000000000000000000000000000000_Separator3">
            <a:extLst>
              <a:ext uri="{FF2B5EF4-FFF2-40B4-BE49-F238E27FC236}">
                <a16:creationId xmlns:a16="http://schemas.microsoft.com/office/drawing/2014/main" id="{8E0B54E8-6ABA-3E09-0A4C-F1D61C4BE44C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9942292" y="41148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B_00000000000000000000000000000000_MiddleSeparator1">
            <a:extLst>
              <a:ext uri="{FF2B5EF4-FFF2-40B4-BE49-F238E27FC236}">
                <a16:creationId xmlns:a16="http://schemas.microsoft.com/office/drawing/2014/main" id="{ABB38CF5-D7A6-9500-CAE8-A7E6E91CEFD1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1847789" y="4306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B_00000000000000000000000000000000_MiddleSeparator2">
            <a:extLst>
              <a:ext uri="{FF2B5EF4-FFF2-40B4-BE49-F238E27FC236}">
                <a16:creationId xmlns:a16="http://schemas.microsoft.com/office/drawing/2014/main" id="{19CF5697-5ECC-2FB9-3A20-063FC6853C3D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3020357" y="4306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B_00000000000000000000000000000000_MiddleSeparator3">
            <a:extLst>
              <a:ext uri="{FF2B5EF4-FFF2-40B4-BE49-F238E27FC236}">
                <a16:creationId xmlns:a16="http://schemas.microsoft.com/office/drawing/2014/main" id="{7053108A-4312-CA73-0F72-D5C58465E40C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4155100" y="4306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B_00000000000000000000000000000000_MiddleSeparator4">
            <a:extLst>
              <a:ext uri="{FF2B5EF4-FFF2-40B4-BE49-F238E27FC236}">
                <a16:creationId xmlns:a16="http://schemas.microsoft.com/office/drawing/2014/main" id="{DB8D6B40-A019-51C0-0884-3FE792D33793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5327668" y="4306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B_00000000000000000000000000000000_MiddleSeparator5">
            <a:extLst>
              <a:ext uri="{FF2B5EF4-FFF2-40B4-BE49-F238E27FC236}">
                <a16:creationId xmlns:a16="http://schemas.microsoft.com/office/drawing/2014/main" id="{9A7C0CAC-5DAA-8697-A35E-3AE7B68392B6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6462412" y="4306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B_00000000000000000000000000000000_MiddleSeparator6">
            <a:extLst>
              <a:ext uri="{FF2B5EF4-FFF2-40B4-BE49-F238E27FC236}">
                <a16:creationId xmlns:a16="http://schemas.microsoft.com/office/drawing/2014/main" id="{977A83B2-F8C4-1212-75F7-FDF08B05F47B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7634980" y="4306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B_00000000000000000000000000000000_MiddleSeparator7">
            <a:extLst>
              <a:ext uri="{FF2B5EF4-FFF2-40B4-BE49-F238E27FC236}">
                <a16:creationId xmlns:a16="http://schemas.microsoft.com/office/drawing/2014/main" id="{70123A19-2F7A-C2B1-E039-1D744CF020D5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8807548" y="4306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TB_00000000000000000000000000000000_MiddleSeparator8">
            <a:extLst>
              <a:ext uri="{FF2B5EF4-FFF2-40B4-BE49-F238E27FC236}">
                <a16:creationId xmlns:a16="http://schemas.microsoft.com/office/drawing/2014/main" id="{E520B4E4-2F0A-877D-647B-6688A67242CC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9942292" y="43068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B_00000000000000000000000000000000_BottomSeparator1">
            <a:extLst>
              <a:ext uri="{FF2B5EF4-FFF2-40B4-BE49-F238E27FC236}">
                <a16:creationId xmlns:a16="http://schemas.microsoft.com/office/drawing/2014/main" id="{8F322E17-F9D8-F567-44CE-4E363ACD2B3D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3096006" y="44988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TB_00000000000000000000000000000000_BottomSeparator2">
            <a:extLst>
              <a:ext uri="{FF2B5EF4-FFF2-40B4-BE49-F238E27FC236}">
                <a16:creationId xmlns:a16="http://schemas.microsoft.com/office/drawing/2014/main" id="{B44F6851-CAD4-966E-3FD6-3CD99F364B26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4419874" y="44988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TB_00000000000000000000000000000000_BottomSeparator3">
            <a:extLst>
              <a:ext uri="{FF2B5EF4-FFF2-40B4-BE49-F238E27FC236}">
                <a16:creationId xmlns:a16="http://schemas.microsoft.com/office/drawing/2014/main" id="{40676CCB-F875-3282-C932-5EF315E2B2F0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5743741" y="44988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TB_00000000000000000000000000000000_BottomSeparator4">
            <a:extLst>
              <a:ext uri="{FF2B5EF4-FFF2-40B4-BE49-F238E27FC236}">
                <a16:creationId xmlns:a16="http://schemas.microsoft.com/office/drawing/2014/main" id="{6FAEA082-1223-5C6F-4F80-D53695C7F70F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7067608" y="44988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B_00000000000000000000000000000000_BottomSeparator5">
            <a:extLst>
              <a:ext uri="{FF2B5EF4-FFF2-40B4-BE49-F238E27FC236}">
                <a16:creationId xmlns:a16="http://schemas.microsoft.com/office/drawing/2014/main" id="{1C6AC13C-6E9B-265D-6081-FD980461ED52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8391475" y="44988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B_00000000000000000000000000000000_BottomSeparator6">
            <a:extLst>
              <a:ext uri="{FF2B5EF4-FFF2-40B4-BE49-F238E27FC236}">
                <a16:creationId xmlns:a16="http://schemas.microsoft.com/office/drawing/2014/main" id="{D17A7271-91E7-F1EB-BEB9-FCF39DB7243A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9715343" y="44988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M_cbb3cd1a28d3419f8ff8539f050c95f4_Shape">
            <a:extLst>
              <a:ext uri="{FF2B5EF4-FFF2-40B4-BE49-F238E27FC236}">
                <a16:creationId xmlns:a16="http://schemas.microsoft.com/office/drawing/2014/main" id="{AF350254-E27D-1803-54C2-7FC3052FA489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6373486" y="4000500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M_55631e07809b4ba9b09cc8ae11c54b74_Shape">
            <a:extLst>
              <a:ext uri="{FF2B5EF4-FFF2-40B4-BE49-F238E27FC236}">
                <a16:creationId xmlns:a16="http://schemas.microsoft.com/office/drawing/2014/main" id="{32A408D6-8466-54A4-D6E8-D8E4D8F399C1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8491674" y="4000500"/>
            <a:ext cx="177800" cy="177800"/>
          </a:xfrm>
          <a:prstGeom prst="ellipse">
            <a:avLst/>
          </a:prstGeom>
          <a:solidFill>
            <a:srgbClr val="4AB1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M_ec8d508101404e30b941c9d501e90deb_Shape">
            <a:extLst>
              <a:ext uri="{FF2B5EF4-FFF2-40B4-BE49-F238E27FC236}">
                <a16:creationId xmlns:a16="http://schemas.microsoft.com/office/drawing/2014/main" id="{0F966D83-6CDF-84A7-059A-15CFDBCD8F03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0458562" y="4000500"/>
            <a:ext cx="177800" cy="177800"/>
          </a:xfrm>
          <a:prstGeom prst="ellipse">
            <a:avLst/>
          </a:prstGeom>
          <a:solidFill>
            <a:srgbClr val="FD4E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M_8d1dd48d88e6455b9fb285cf30ab32c5_Shape">
            <a:extLst>
              <a:ext uri="{FF2B5EF4-FFF2-40B4-BE49-F238E27FC236}">
                <a16:creationId xmlns:a16="http://schemas.microsoft.com/office/drawing/2014/main" id="{43F90A8F-9989-DC82-B84A-A08A1BEE5089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910162" y="4000500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cbb3cd1a28d3419f8ff8539f050c95f4_Title">
            <a:extLst>
              <a:ext uri="{FF2B5EF4-FFF2-40B4-BE49-F238E27FC236}">
                <a16:creationId xmlns:a16="http://schemas.microsoft.com/office/drawing/2014/main" id="{DCB712A6-9B49-C1F0-CDEC-C9C663EF86C1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068855" y="363685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ing 1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cbb3cd1a28d3419f8ff8539f050c95f4_Date">
            <a:extLst>
              <a:ext uri="{FF2B5EF4-FFF2-40B4-BE49-F238E27FC236}">
                <a16:creationId xmlns:a16="http://schemas.microsoft.com/office/drawing/2014/main" id="{9AE9475B-46D6-F72E-417B-910D6A52CDB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296672" y="38200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66" name="OTLSHAPE_M_55631e07809b4ba9b09cc8ae11c54b74_Title">
            <a:extLst>
              <a:ext uri="{FF2B5EF4-FFF2-40B4-BE49-F238E27FC236}">
                <a16:creationId xmlns:a16="http://schemas.microsoft.com/office/drawing/2014/main" id="{7F35E37A-093B-5929-0ACC-D45D8E70765C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130189" y="363685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ation</a:t>
            </a:r>
          </a:p>
        </p:txBody>
      </p:sp>
      <p:sp>
        <p:nvSpPr>
          <p:cNvPr id="67" name="OTLSHAPE_M_55631e07809b4ba9b09cc8ae11c54b74_Date">
            <a:extLst>
              <a:ext uri="{FF2B5EF4-FFF2-40B4-BE49-F238E27FC236}">
                <a16:creationId xmlns:a16="http://schemas.microsoft.com/office/drawing/2014/main" id="{B4D8D53F-B338-69D3-74A1-A9E5491F208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401842" y="38200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Aug 25</a:t>
            </a:r>
          </a:p>
        </p:txBody>
      </p:sp>
      <p:sp>
        <p:nvSpPr>
          <p:cNvPr id="69" name="OTLSHAPE_M_ec8d508101404e30b941c9d501e90deb_Title">
            <a:extLst>
              <a:ext uri="{FF2B5EF4-FFF2-40B4-BE49-F238E27FC236}">
                <a16:creationId xmlns:a16="http://schemas.microsoft.com/office/drawing/2014/main" id="{297A0976-5E25-F6D4-469C-79D562C25C7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73850" y="363685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ser training</a:t>
            </a:r>
          </a:p>
        </p:txBody>
      </p:sp>
      <p:sp>
        <p:nvSpPr>
          <p:cNvPr id="70" name="OTLSHAPE_M_ec8d508101404e30b941c9d501e90deb_Date">
            <a:extLst>
              <a:ext uri="{FF2B5EF4-FFF2-40B4-BE49-F238E27FC236}">
                <a16:creationId xmlns:a16="http://schemas.microsoft.com/office/drawing/2014/main" id="{79F378C8-90E1-EB5E-1880-BAADD2204FF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378553" y="38200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Oct 16</a:t>
            </a:r>
          </a:p>
        </p:txBody>
      </p:sp>
      <p:sp>
        <p:nvSpPr>
          <p:cNvPr id="50" name="OTLSHAPE_M_8d1dd48d88e6455b9fb285cf30ab32c5_Title">
            <a:extLst>
              <a:ext uri="{FF2B5EF4-FFF2-40B4-BE49-F238E27FC236}">
                <a16:creationId xmlns:a16="http://schemas.microsoft.com/office/drawing/2014/main" id="{55B5BD59-CC5D-B421-4850-34E0644DBA5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735156" y="3636857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nitiation</a:t>
            </a:r>
          </a:p>
        </p:txBody>
      </p:sp>
      <p:sp>
        <p:nvSpPr>
          <p:cNvPr id="51" name="OTLSHAPE_M_8d1dd48d88e6455b9fb285cf30ab32c5_Date">
            <a:extLst>
              <a:ext uri="{FF2B5EF4-FFF2-40B4-BE49-F238E27FC236}">
                <a16:creationId xmlns:a16="http://schemas.microsoft.com/office/drawing/2014/main" id="{D23F6EEE-85AE-D5E3-8253-9C38DFC93A7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845667" y="382007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rgbClr val="737373"/>
                </a:solidFill>
                <a:latin typeface="Calibri" panose="020F0502020204030204" pitchFamily="34" charset="0"/>
              </a:rPr>
              <a:t>Mar 4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F9F78519-21AF-B662-3519-29F908AE4787}"/>
              </a:ext>
            </a:extLst>
          </p:cNvPr>
          <p:cNvSpPr txBox="1"/>
          <p:nvPr/>
        </p:nvSpPr>
        <p:spPr>
          <a:xfrm>
            <a:off x="257971" y="3901207"/>
            <a:ext cx="1232559" cy="646331"/>
          </a:xfrm>
          <a:prstGeom prst="rect">
            <a:avLst/>
          </a:prstGeom>
          <a:solidFill>
            <a:schemeClr val="bg1"/>
          </a:solidFill>
          <a:ln w="12700">
            <a:solidFill>
              <a:srgbClr val="00A560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rgbClr val="222222"/>
                </a:solidFill>
              </a:rPr>
              <a:t>Project</a:t>
            </a:r>
            <a:br>
              <a:rPr lang="en-US" b="1" dirty="0">
                <a:solidFill>
                  <a:srgbClr val="222222"/>
                </a:solidFill>
              </a:rPr>
            </a:br>
            <a:r>
              <a:rPr lang="ro-RO" b="1" dirty="0">
                <a:solidFill>
                  <a:srgbClr val="222222"/>
                </a:solidFill>
              </a:rPr>
              <a:t>timeline</a:t>
            </a:r>
            <a:endParaRPr lang="en-US" b="1" dirty="0">
              <a:solidFill>
                <a:srgbClr val="222222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6E87F8F0-4B6A-F107-1063-676557DF4C88}"/>
              </a:ext>
            </a:extLst>
          </p:cNvPr>
          <p:cNvSpPr txBox="1"/>
          <p:nvPr/>
        </p:nvSpPr>
        <p:spPr>
          <a:xfrm>
            <a:off x="257971" y="1314377"/>
            <a:ext cx="1261174" cy="923330"/>
          </a:xfrm>
          <a:prstGeom prst="rect">
            <a:avLst/>
          </a:prstGeom>
          <a:solidFill>
            <a:schemeClr val="bg1"/>
          </a:solidFill>
          <a:ln w="12700">
            <a:solidFill>
              <a:srgbClr val="00A560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800" b="1" dirty="0">
                <a:solidFill>
                  <a:srgbClr val="222222"/>
                </a:solidFill>
              </a:rPr>
              <a:t>Work Breakdown Structure</a:t>
            </a:r>
          </a:p>
        </p:txBody>
      </p:sp>
      <p:pic>
        <p:nvPicPr>
          <p:cNvPr id="5" name="Picture 4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BACD80B9-455D-7B4F-2510-C6EC58EC02B9}"/>
              </a:ext>
            </a:extLst>
          </p:cNvPr>
          <p:cNvPicPr>
            <a:picLocks noChangeAspect="1"/>
          </p:cNvPicPr>
          <p:nvPr/>
        </p:nvPicPr>
        <p:blipFill>
          <a:blip r:embed="rId1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90" y="4647099"/>
            <a:ext cx="1629538" cy="224498"/>
          </a:xfrm>
          <a:prstGeom prst="rect">
            <a:avLst/>
          </a:prstGeom>
        </p:spPr>
      </p:pic>
      <p:sp>
        <p:nvSpPr>
          <p:cNvPr id="53" name="TextBox 52">
            <a:extLst>
              <a:ext uri="{FF2B5EF4-FFF2-40B4-BE49-F238E27FC236}">
                <a16:creationId xmlns:a16="http://schemas.microsoft.com/office/drawing/2014/main" id="{7227F989-D210-8AEA-BEBF-C9C3AE73089D}"/>
              </a:ext>
            </a:extLst>
          </p:cNvPr>
          <p:cNvSpPr txBox="1"/>
          <p:nvPr/>
        </p:nvSpPr>
        <p:spPr>
          <a:xfrm>
            <a:off x="11098985" y="4044853"/>
            <a:ext cx="1078897" cy="4770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n-US" sz="1000" b="1" dirty="0"/>
              <a:t>Project status: </a:t>
            </a:r>
          </a:p>
          <a:p>
            <a:pPr>
              <a:spcAft>
                <a:spcPts val="600"/>
              </a:spcAft>
            </a:pPr>
            <a:r>
              <a:rPr lang="en-US" sz="1000" dirty="0"/>
              <a:t>On track</a:t>
            </a:r>
          </a:p>
        </p:txBody>
      </p:sp>
      <p:pic>
        <p:nvPicPr>
          <p:cNvPr id="54" name="Picture 53" descr="A close up of a sign&#10;&#10;Description automatically generated">
            <a:extLst>
              <a:ext uri="{FF2B5EF4-FFF2-40B4-BE49-F238E27FC236}">
                <a16:creationId xmlns:a16="http://schemas.microsoft.com/office/drawing/2014/main" id="{425E7CE4-37FE-15B2-12FC-322C673A41A5}"/>
              </a:ext>
            </a:extLst>
          </p:cNvPr>
          <p:cNvPicPr>
            <a:picLocks noChangeAspect="1"/>
          </p:cNvPicPr>
          <p:nvPr/>
        </p:nvPicPr>
        <p:blipFill>
          <a:blip r:embed="rId113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114"/>
              </a:ext>
            </a:extLst>
          </a:blip>
          <a:stretch>
            <a:fillRect/>
          </a:stretch>
        </p:blipFill>
        <p:spPr>
          <a:xfrm>
            <a:off x="11706132" y="4290484"/>
            <a:ext cx="224862" cy="224862"/>
          </a:xfrm>
          <a:prstGeom prst="rect">
            <a:avLst/>
          </a:prstGeom>
        </p:spPr>
      </p:pic>
      <p:sp>
        <p:nvSpPr>
          <p:cNvPr id="55" name="TextBox 54">
            <a:extLst>
              <a:ext uri="{FF2B5EF4-FFF2-40B4-BE49-F238E27FC236}">
                <a16:creationId xmlns:a16="http://schemas.microsoft.com/office/drawing/2014/main" id="{87A14772-2D82-3372-2663-408790E57BA7}"/>
              </a:ext>
            </a:extLst>
          </p:cNvPr>
          <p:cNvSpPr txBox="1"/>
          <p:nvPr/>
        </p:nvSpPr>
        <p:spPr>
          <a:xfrm>
            <a:off x="11091706" y="5453772"/>
            <a:ext cx="1066145" cy="11182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/>
              <a:t>Marketing:  </a:t>
            </a:r>
            <a:br>
              <a:rPr lang="en-US" sz="1000" dirty="0"/>
            </a:br>
            <a:r>
              <a:rPr lang="en-US" sz="1000" dirty="0"/>
              <a:t>Diana Hunter</a:t>
            </a:r>
          </a:p>
          <a:p>
            <a:pPr>
              <a:spcBef>
                <a:spcPts val="400"/>
              </a:spcBef>
            </a:pPr>
            <a:r>
              <a:rPr lang="en-US" sz="1000" b="1" dirty="0"/>
              <a:t>Technical:  </a:t>
            </a:r>
            <a:br>
              <a:rPr lang="en-US" sz="1000" dirty="0"/>
            </a:br>
            <a:r>
              <a:rPr lang="en-US" sz="1000" dirty="0"/>
              <a:t>Dan Brown</a:t>
            </a:r>
          </a:p>
          <a:p>
            <a:pPr>
              <a:spcBef>
                <a:spcPts val="400"/>
              </a:spcBef>
            </a:pPr>
            <a:r>
              <a:rPr lang="en-US" sz="1000" b="1" dirty="0"/>
              <a:t>Release:  </a:t>
            </a:r>
            <a:br>
              <a:rPr lang="en-US" sz="1000" dirty="0"/>
            </a:br>
            <a:r>
              <a:rPr lang="en-US" sz="1000" dirty="0"/>
              <a:t>Carmen Callas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935E4691-318F-44E3-ACC9-6482114B75EB}"/>
              </a:ext>
            </a:extLst>
          </p:cNvPr>
          <p:cNvSpPr txBox="1"/>
          <p:nvPr/>
        </p:nvSpPr>
        <p:spPr>
          <a:xfrm>
            <a:off x="11097566" y="4625242"/>
            <a:ext cx="1018263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n-US" sz="1000" b="1" dirty="0"/>
              <a:t>Budget: </a:t>
            </a: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466FE5F7-1A00-2019-8C3E-EF205CB276A5}"/>
              </a:ext>
            </a:extLst>
          </p:cNvPr>
          <p:cNvSpPr/>
          <p:nvPr/>
        </p:nvSpPr>
        <p:spPr>
          <a:xfrm>
            <a:off x="11173328" y="4884928"/>
            <a:ext cx="731520" cy="385725"/>
          </a:xfrm>
          <a:prstGeom prst="roundRect">
            <a:avLst>
              <a:gd name="adj" fmla="val 6695"/>
            </a:avLst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$145K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5898866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" name="Diagram 12">
            <a:extLst>
              <a:ext uri="{FF2B5EF4-FFF2-40B4-BE49-F238E27FC236}">
                <a16:creationId xmlns:a16="http://schemas.microsoft.com/office/drawing/2014/main" id="{989675C0-3D64-ABFC-9988-17D0E919F15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146986516"/>
              </p:ext>
            </p:extLst>
          </p:nvPr>
        </p:nvGraphicFramePr>
        <p:xfrm>
          <a:off x="1773820" y="2066513"/>
          <a:ext cx="8644360" cy="351252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20" name="TextBox 19">
            <a:extLst>
              <a:ext uri="{FF2B5EF4-FFF2-40B4-BE49-F238E27FC236}">
                <a16:creationId xmlns:a16="http://schemas.microsoft.com/office/drawing/2014/main" id="{6E87F8F0-4B6A-F107-1063-676557DF4C88}"/>
              </a:ext>
            </a:extLst>
          </p:cNvPr>
          <p:cNvSpPr txBox="1"/>
          <p:nvPr/>
        </p:nvSpPr>
        <p:spPr>
          <a:xfrm>
            <a:off x="2508168" y="780120"/>
            <a:ext cx="7175664" cy="769441"/>
          </a:xfrm>
          <a:prstGeom prst="rect">
            <a:avLst/>
          </a:prstGeom>
          <a:solidFill>
            <a:schemeClr val="bg1"/>
          </a:solidFill>
          <a:ln w="12700">
            <a:solidFill>
              <a:srgbClr val="00A560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4400" b="1" dirty="0">
                <a:solidFill>
                  <a:srgbClr val="222222"/>
                </a:solidFill>
              </a:rPr>
              <a:t>Work Breakdown Structur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7370597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" name="OTLSHAPE_SL2A_c19d2477297d41bfa1bce03423e59104_BackgroundRectangle">
            <a:extLst>
              <a:ext uri="{FF2B5EF4-FFF2-40B4-BE49-F238E27FC236}">
                <a16:creationId xmlns:a16="http://schemas.microsoft.com/office/drawing/2014/main" id="{B98D13B8-1AC9-4D75-90E9-098A6B4C3EC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15188" y="3675888"/>
            <a:ext cx="10426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2A_c0973a74e1304ffcba2a448c154f8037_BackgroundRectangle">
            <a:extLst>
              <a:ext uri="{FF2B5EF4-FFF2-40B4-BE49-F238E27FC236}">
                <a16:creationId xmlns:a16="http://schemas.microsoft.com/office/drawing/2014/main" id="{121A95F0-83A1-53D5-0FDC-C414D47BD3D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15188" y="3955288"/>
            <a:ext cx="104267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SL2A_56786888ffa84412bbd5c14106c4c5c1_BackgroundRectangle">
            <a:extLst>
              <a:ext uri="{FF2B5EF4-FFF2-40B4-BE49-F238E27FC236}">
                <a16:creationId xmlns:a16="http://schemas.microsoft.com/office/drawing/2014/main" id="{49EC7D33-0F04-809C-1708-48330DB58CE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15188" y="4310888"/>
            <a:ext cx="104267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2A_c7d83c8d63f540f0906b1d01b6d221d3_BackgroundRectangle">
            <a:extLst>
              <a:ext uri="{FF2B5EF4-FFF2-40B4-BE49-F238E27FC236}">
                <a16:creationId xmlns:a16="http://schemas.microsoft.com/office/drawing/2014/main" id="{B73D4FD1-1023-A6BE-0E56-4570E7CF87F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15188" y="4729988"/>
            <a:ext cx="104267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03b4374b84f04bc39a1c425f9a3c6da6_BackgroundRectangle">
            <a:extLst>
              <a:ext uri="{FF2B5EF4-FFF2-40B4-BE49-F238E27FC236}">
                <a16:creationId xmlns:a16="http://schemas.microsoft.com/office/drawing/2014/main" id="{4CFA98B7-76F8-6B34-E0CA-59C44AC9F70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15188" y="5131731"/>
            <a:ext cx="10426700" cy="4017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1" name="OTLSHAPE_SL2AL_00000000000000000000000000000000_ShapeBelow0">
            <a:extLst>
              <a:ext uri="{FF2B5EF4-FFF2-40B4-BE49-F238E27FC236}">
                <a16:creationId xmlns:a16="http://schemas.microsoft.com/office/drawing/2014/main" id="{CD5AA829-1230-DBA0-3215-4CDBE53A7353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15188" y="3955288"/>
            <a:ext cx="10424022" cy="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SL2AL_00000000000000000000000000000000_ShapeBelow1">
            <a:extLst>
              <a:ext uri="{FF2B5EF4-FFF2-40B4-BE49-F238E27FC236}">
                <a16:creationId xmlns:a16="http://schemas.microsoft.com/office/drawing/2014/main" id="{3B1985CD-B3D7-28DA-2796-CCE4F519567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15188" y="4310888"/>
            <a:ext cx="10424022" cy="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SL2AL_00000000000000000000000000000000_ShapeBelow2">
            <a:extLst>
              <a:ext uri="{FF2B5EF4-FFF2-40B4-BE49-F238E27FC236}">
                <a16:creationId xmlns:a16="http://schemas.microsoft.com/office/drawing/2014/main" id="{143BB305-529D-48ED-392B-93C877B9166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15188" y="5131731"/>
            <a:ext cx="10424022" cy="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OTLSHAPE_TB_00000000000000000000000000000000_ScaleContainer">
            <a:extLst>
              <a:ext uri="{FF2B5EF4-FFF2-40B4-BE49-F238E27FC236}">
                <a16:creationId xmlns:a16="http://schemas.microsoft.com/office/drawing/2014/main" id="{2DB20240-D67F-97C8-12AE-972CCAEE2C6C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772140" y="2905760"/>
            <a:ext cx="9271000" cy="182880"/>
          </a:xfrm>
          <a:prstGeom prst="round2SameRect">
            <a:avLst/>
          </a:prstGeom>
          <a:solidFill>
            <a:srgbClr val="23293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_740e63e3378d425bac6ccd042bc5df17_HeaderRectangle">
            <a:extLst>
              <a:ext uri="{FF2B5EF4-FFF2-40B4-BE49-F238E27FC236}">
                <a16:creationId xmlns:a16="http://schemas.microsoft.com/office/drawing/2014/main" id="{DB2A9D7C-34F7-329A-474A-88FC033E2F5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675888"/>
            <a:ext cx="558800" cy="990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_0ff4cff9749045608d076284b461e3a0_HeaderRectangle">
            <a:extLst>
              <a:ext uri="{FF2B5EF4-FFF2-40B4-BE49-F238E27FC236}">
                <a16:creationId xmlns:a16="http://schemas.microsoft.com/office/drawing/2014/main" id="{BD7617ED-D8D7-2EB8-F6BA-63E14DEA455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729988"/>
            <a:ext cx="558800" cy="803487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2A_c19d2477297d41bfa1bce03423e59104_HeaderRectangle">
            <a:extLst>
              <a:ext uri="{FF2B5EF4-FFF2-40B4-BE49-F238E27FC236}">
                <a16:creationId xmlns:a16="http://schemas.microsoft.com/office/drawing/2014/main" id="{36218588-41E1-DB27-E9B7-B1CBD2833C8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15188" y="3675888"/>
            <a:ext cx="10414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c0973a74e1304ffcba2a448c154f8037_HeaderRectangle">
            <a:extLst>
              <a:ext uri="{FF2B5EF4-FFF2-40B4-BE49-F238E27FC236}">
                <a16:creationId xmlns:a16="http://schemas.microsoft.com/office/drawing/2014/main" id="{383739B1-26A5-E9FA-DC09-06EF52FD02E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15188" y="3955288"/>
            <a:ext cx="1041400" cy="3556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SL2A_56786888ffa84412bbd5c14106c4c5c1_HeaderRectangle">
            <a:extLst>
              <a:ext uri="{FF2B5EF4-FFF2-40B4-BE49-F238E27FC236}">
                <a16:creationId xmlns:a16="http://schemas.microsoft.com/office/drawing/2014/main" id="{DDD83327-0825-6871-F9DE-285838D3099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15188" y="4310888"/>
            <a:ext cx="1041400" cy="3556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2A_c7d83c8d63f540f0906b1d01b6d221d3_HeaderRectangle">
            <a:extLst>
              <a:ext uri="{FF2B5EF4-FFF2-40B4-BE49-F238E27FC236}">
                <a16:creationId xmlns:a16="http://schemas.microsoft.com/office/drawing/2014/main" id="{E4B2A791-9FE8-02AC-6BEB-D622D9B6488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15188" y="4729988"/>
            <a:ext cx="1041400" cy="401743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03b4374b84f04bc39a1c425f9a3c6da6_HeaderRectangle">
            <a:extLst>
              <a:ext uri="{FF2B5EF4-FFF2-40B4-BE49-F238E27FC236}">
                <a16:creationId xmlns:a16="http://schemas.microsoft.com/office/drawing/2014/main" id="{0AEDFCE7-177D-2A04-DEDA-69D665C0C6D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15188" y="5131731"/>
            <a:ext cx="1041400" cy="401743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TB_00000000000000000000000000000000_MiddleScaleContainer">
            <a:extLst>
              <a:ext uri="{FF2B5EF4-FFF2-40B4-BE49-F238E27FC236}">
                <a16:creationId xmlns:a16="http://schemas.microsoft.com/office/drawing/2014/main" id="{FCC2BC95-9C31-5EEC-8DBF-D6D8D3D0C3E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772140" y="3097784"/>
            <a:ext cx="9271000" cy="182880"/>
          </a:xfrm>
          <a:prstGeom prst="rect">
            <a:avLst/>
          </a:prstGeom>
          <a:solidFill>
            <a:srgbClr val="23293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TB_00000000000000000000000000000000_BottomScaleContainer">
            <a:extLst>
              <a:ext uri="{FF2B5EF4-FFF2-40B4-BE49-F238E27FC236}">
                <a16:creationId xmlns:a16="http://schemas.microsoft.com/office/drawing/2014/main" id="{57989261-EC0D-FC70-792E-338E9B1B96E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772140" y="3289808"/>
            <a:ext cx="92710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23293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8" name="OTLSHAPE_G_00000000000000000000000000000000_ShapeBelow0">
            <a:extLst>
              <a:ext uri="{FF2B5EF4-FFF2-40B4-BE49-F238E27FC236}">
                <a16:creationId xmlns:a16="http://schemas.microsoft.com/office/drawing/2014/main" id="{5DEB6D04-A469-FABC-D455-7DB61E48C12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096006" y="347268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G_00000000000000000000000000000000_ShapeBelow1">
            <a:extLst>
              <a:ext uri="{FF2B5EF4-FFF2-40B4-BE49-F238E27FC236}">
                <a16:creationId xmlns:a16="http://schemas.microsoft.com/office/drawing/2014/main" id="{2CD1AA3C-48DD-BE52-3A11-6876FC88271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419874" y="347268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G_00000000000000000000000000000000_ShapeBelow2">
            <a:extLst>
              <a:ext uri="{FF2B5EF4-FFF2-40B4-BE49-F238E27FC236}">
                <a16:creationId xmlns:a16="http://schemas.microsoft.com/office/drawing/2014/main" id="{1BC09F37-74D0-7F5D-5F69-3482B17DE31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743741" y="347268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G_00000000000000000000000000000000_ShapeBelow3">
            <a:extLst>
              <a:ext uri="{FF2B5EF4-FFF2-40B4-BE49-F238E27FC236}">
                <a16:creationId xmlns:a16="http://schemas.microsoft.com/office/drawing/2014/main" id="{04B6450E-4945-B4DA-18F5-A0EB230F7D3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067608" y="347268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4">
            <a:extLst>
              <a:ext uri="{FF2B5EF4-FFF2-40B4-BE49-F238E27FC236}">
                <a16:creationId xmlns:a16="http://schemas.microsoft.com/office/drawing/2014/main" id="{EE7E42FE-9DF8-0BF2-B64E-1F19FF1144B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391475" y="347268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G_00000000000000000000000000000000_ShapeBelow5">
            <a:extLst>
              <a:ext uri="{FF2B5EF4-FFF2-40B4-BE49-F238E27FC236}">
                <a16:creationId xmlns:a16="http://schemas.microsoft.com/office/drawing/2014/main" id="{BEFDEF8B-1935-6520-43B3-5E609168910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715343" y="3472688"/>
            <a:ext cx="0" cy="20607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0" name="OTLSHAPE_SLT_bc2e95858cec48a29dc2ad8977f1747c_Shape">
            <a:extLst>
              <a:ext uri="{FF2B5EF4-FFF2-40B4-BE49-F238E27FC236}">
                <a16:creationId xmlns:a16="http://schemas.microsoft.com/office/drawing/2014/main" id="{9AB79586-9068-0C00-5508-9016C1DBA96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847789" y="3713988"/>
            <a:ext cx="28829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SLT_846de591b7cd467b8e1c54cfbd1ac813_Shape">
            <a:extLst>
              <a:ext uri="{FF2B5EF4-FFF2-40B4-BE49-F238E27FC236}">
                <a16:creationId xmlns:a16="http://schemas.microsoft.com/office/drawing/2014/main" id="{955B65D1-E587-D248-559E-E0F7C5328EB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020357" y="3993388"/>
            <a:ext cx="34163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SLT_b2a548cdf8234c06bf713264852fa376_Shape">
            <a:extLst>
              <a:ext uri="{FF2B5EF4-FFF2-40B4-BE49-F238E27FC236}">
                <a16:creationId xmlns:a16="http://schemas.microsoft.com/office/drawing/2014/main" id="{D536F621-EF29-808C-3AD5-DB88C0399A2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327669" y="4348988"/>
            <a:ext cx="28067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SLT_fa831418fdbf4335b4edbf85455619c0_Shape">
            <a:extLst>
              <a:ext uri="{FF2B5EF4-FFF2-40B4-BE49-F238E27FC236}">
                <a16:creationId xmlns:a16="http://schemas.microsoft.com/office/drawing/2014/main" id="{73F3DD7B-59A9-71F0-374F-259E374D315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126702" y="4348988"/>
            <a:ext cx="25781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SLT_846de591b7cd467b8e1c54cfbd1ac813_ShapePercentage">
            <a:extLst>
              <a:ext uri="{FF2B5EF4-FFF2-40B4-BE49-F238E27FC236}">
                <a16:creationId xmlns:a16="http://schemas.microsoft.com/office/drawing/2014/main" id="{EB69F34E-F95A-963E-590F-FC65A7E78A5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020357" y="3993388"/>
            <a:ext cx="23876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M_417cfa40527d46b6b05d61853fb55009_Shape">
            <a:extLst>
              <a:ext uri="{FF2B5EF4-FFF2-40B4-BE49-F238E27FC236}">
                <a16:creationId xmlns:a16="http://schemas.microsoft.com/office/drawing/2014/main" id="{638F5B3C-BD79-91F1-9F30-3B36FE11E09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48086" y="480386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M_95709696a38649ffbdd746ab0828ed32_Shape">
            <a:extLst>
              <a:ext uri="{FF2B5EF4-FFF2-40B4-BE49-F238E27FC236}">
                <a16:creationId xmlns:a16="http://schemas.microsoft.com/office/drawing/2014/main" id="{738CDC43-1559-622E-9F4B-8B452DE2EDD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827966" y="5205603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M_babe1040f6434c58b0fdddc6c6d683b1_Shape">
            <a:extLst>
              <a:ext uri="{FF2B5EF4-FFF2-40B4-BE49-F238E27FC236}">
                <a16:creationId xmlns:a16="http://schemas.microsoft.com/office/drawing/2014/main" id="{E59D2069-647E-57E4-FBB2-C7777145A7B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735760" y="5205603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M_98275f49cd564532aefef7d9db4bf21b_Shape">
            <a:extLst>
              <a:ext uri="{FF2B5EF4-FFF2-40B4-BE49-F238E27FC236}">
                <a16:creationId xmlns:a16="http://schemas.microsoft.com/office/drawing/2014/main" id="{44AB40EE-3B3F-B632-E754-49E0DDF4E3C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487543" y="480386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M_7d6872a2f95d48a2b5e79e027bc6fdb5_Shape">
            <a:extLst>
              <a:ext uri="{FF2B5EF4-FFF2-40B4-BE49-F238E27FC236}">
                <a16:creationId xmlns:a16="http://schemas.microsoft.com/office/drawing/2014/main" id="{60238590-C19D-A3EF-C92C-2EC7F536D88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936726" y="480386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SL_740e63e3378d425bac6ccd042bc5df17_Header">
            <a:extLst>
              <a:ext uri="{FF2B5EF4-FFF2-40B4-BE49-F238E27FC236}">
                <a16:creationId xmlns:a16="http://schemas.microsoft.com/office/drawing/2014/main" id="{0411CC40-724E-F422-9E36-BDC552B85CC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 rot="16200000">
            <a:off x="-155956" y="4062666"/>
            <a:ext cx="990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dirty="0">
                <a:solidFill>
                  <a:schemeClr val="lt1"/>
                </a:solidFill>
                <a:latin typeface="Calibri" panose="020F0502020204030204" pitchFamily="34" charset="0"/>
              </a:rPr>
              <a:t>Develop</a:t>
            </a:r>
          </a:p>
        </p:txBody>
      </p:sp>
      <p:sp>
        <p:nvSpPr>
          <p:cNvPr id="77" name="OTLSHAPE_SL_0ff4cff9749045608d076284b461e3a0_Header">
            <a:extLst>
              <a:ext uri="{FF2B5EF4-FFF2-40B4-BE49-F238E27FC236}">
                <a16:creationId xmlns:a16="http://schemas.microsoft.com/office/drawing/2014/main" id="{BC035A9E-B5FE-5629-CBA9-2394E341862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 rot="16200000">
            <a:off x="-62399" y="5023210"/>
            <a:ext cx="803487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>
                <a:solidFill>
                  <a:schemeClr val="lt1"/>
                </a:solidFill>
                <a:latin typeface="Calibri" panose="020F0502020204030204" pitchFamily="34" charset="0"/>
              </a:rPr>
              <a:t>Implemnt</a:t>
            </a:r>
          </a:p>
        </p:txBody>
      </p:sp>
      <p:sp>
        <p:nvSpPr>
          <p:cNvPr id="86" name="OTLSHAPE_SL2A_c19d2477297d41bfa1bce03423e59104_Header">
            <a:extLst>
              <a:ext uri="{FF2B5EF4-FFF2-40B4-BE49-F238E27FC236}">
                <a16:creationId xmlns:a16="http://schemas.microsoft.com/office/drawing/2014/main" id="{78699890-0A81-653C-7EF3-14744988E90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78688" y="3722560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97" name="OTLSHAPE_SL2A_c0973a74e1304ffcba2a448c154f8037_Header">
            <a:extLst>
              <a:ext uri="{FF2B5EF4-FFF2-40B4-BE49-F238E27FC236}">
                <a16:creationId xmlns:a16="http://schemas.microsoft.com/office/drawing/2014/main" id="{AC6719E8-B8EB-C60A-8514-8AB6C8347E1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78688" y="4040060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US" sz="12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2A_56786888ffa84412bbd5c14106c4c5c1_Header">
            <a:extLst>
              <a:ext uri="{FF2B5EF4-FFF2-40B4-BE49-F238E27FC236}">
                <a16:creationId xmlns:a16="http://schemas.microsoft.com/office/drawing/2014/main" id="{54B4913C-E0FE-78F4-BE2F-5E9F0396849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78688" y="4395660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en-US" sz="12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2A_c7d83c8d63f540f0906b1d01b6d221d3_Header">
            <a:extLst>
              <a:ext uri="{FF2B5EF4-FFF2-40B4-BE49-F238E27FC236}">
                <a16:creationId xmlns:a16="http://schemas.microsoft.com/office/drawing/2014/main" id="{93CA872D-5404-2D83-D472-EA658EF0552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78688" y="4837832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  <a:endParaRPr lang="en-US" sz="12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2A_03b4374b84f04bc39a1c425f9a3c6da6_Header">
            <a:extLst>
              <a:ext uri="{FF2B5EF4-FFF2-40B4-BE49-F238E27FC236}">
                <a16:creationId xmlns:a16="http://schemas.microsoft.com/office/drawing/2014/main" id="{A0835C54-1803-C83F-E35E-5A052154B7C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78688" y="5239576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  <a:endParaRPr lang="en-US" sz="12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5E2B3DE-25CF-0629-6F82-0378E27CF19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835640" y="291194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2330AAF-B9EB-C9E5-3863-9947E7523BD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083857" y="291194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B33920BA-3D26-F554-9CF2-B27CE02E5AB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525913" y="291194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ED30B8D-EC1E-D732-E73A-463569B2279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005792" y="2911941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 dirty="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95" name="OTLSHAPE_SLT_bc2e95858cec48a29dc2ad8977f1747c_Title">
            <a:extLst>
              <a:ext uri="{FF2B5EF4-FFF2-40B4-BE49-F238E27FC236}">
                <a16:creationId xmlns:a16="http://schemas.microsoft.com/office/drawing/2014/main" id="{84EFBD6F-70C0-88FF-0ADF-8BF5307C457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712390" y="3722560"/>
            <a:ext cx="115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>
                <a:solidFill>
                  <a:schemeClr val="lt1"/>
                </a:solidFill>
                <a:latin typeface="Calibri" panose="020F0502020204030204" pitchFamily="34" charset="0"/>
              </a:rPr>
              <a:t>Scope, team, WBS</a:t>
            </a:r>
            <a:endParaRPr lang="en-US" sz="12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846de591b7cd467b8e1c54cfbd1ac813_Duration">
            <a:extLst>
              <a:ext uri="{FF2B5EF4-FFF2-40B4-BE49-F238E27FC236}">
                <a16:creationId xmlns:a16="http://schemas.microsoft.com/office/drawing/2014/main" id="{77FAE458-D033-ECCC-EF56-066CF1AB10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580937" y="40555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64 days</a:t>
            </a:r>
            <a:endParaRPr lang="en-US" sz="1000" spc="-8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846de591b7cd467b8e1c54cfbd1ac813_Title">
            <a:extLst>
              <a:ext uri="{FF2B5EF4-FFF2-40B4-BE49-F238E27FC236}">
                <a16:creationId xmlns:a16="http://schemas.microsoft.com/office/drawing/2014/main" id="{FD4EDA76-9263-7DEA-03F5-2D0312E62E0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279907" y="4040060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>
                <a:solidFill>
                  <a:schemeClr val="lt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117" name="OTLSHAPE_SLT_b2a548cdf8234c06bf713264852fa376_Title">
            <a:extLst>
              <a:ext uri="{FF2B5EF4-FFF2-40B4-BE49-F238E27FC236}">
                <a16:creationId xmlns:a16="http://schemas.microsoft.com/office/drawing/2014/main" id="{68199D9A-819C-BACF-D8A0-F25E77EAB2F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509262" y="4395660"/>
            <a:ext cx="44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6">
                <a:solidFill>
                  <a:schemeClr val="lt1"/>
                </a:solidFill>
                <a:latin typeface="Calibri" panose="020F0502020204030204" pitchFamily="34" charset="0"/>
              </a:rPr>
              <a:t>Coding</a:t>
            </a:r>
            <a:endParaRPr lang="en-US" sz="1200" b="1" spc="-1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fa831418fdbf4335b4edbf85455619c0_Title">
            <a:extLst>
              <a:ext uri="{FF2B5EF4-FFF2-40B4-BE49-F238E27FC236}">
                <a16:creationId xmlns:a16="http://schemas.microsoft.com/office/drawing/2014/main" id="{AEEC0918-0EA1-6A64-F2B6-427A4AED25C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075928" y="4395660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>
                <a:solidFill>
                  <a:schemeClr val="lt1"/>
                </a:solidFill>
                <a:latin typeface="Calibri" panose="020F0502020204030204" pitchFamily="34" charset="0"/>
              </a:rPr>
              <a:t>Debugging</a:t>
            </a:r>
          </a:p>
        </p:txBody>
      </p:sp>
      <p:sp>
        <p:nvSpPr>
          <p:cNvPr id="133" name="OTLSHAPE_SLM_417cfa40527d46b6b05d61853fb55009_Title">
            <a:extLst>
              <a:ext uri="{FF2B5EF4-FFF2-40B4-BE49-F238E27FC236}">
                <a16:creationId xmlns:a16="http://schemas.microsoft.com/office/drawing/2014/main" id="{398673C5-EC3C-333D-B346-859F9B8A75E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631975" y="476808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est system</a:t>
            </a:r>
            <a:endParaRPr lang="en-US" sz="1100" b="1" spc="-2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M_417cfa40527d46b6b05d61853fb55009_Date">
            <a:extLst>
              <a:ext uri="{FF2B5EF4-FFF2-40B4-BE49-F238E27FC236}">
                <a16:creationId xmlns:a16="http://schemas.microsoft.com/office/drawing/2014/main" id="{34AD1A51-61AC-23E0-C3E6-865EDB49682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965858" y="493860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36" name="OTLSHAPE_SLM_95709696a38649ffbdd746ab0828ed32_Title">
            <a:extLst>
              <a:ext uri="{FF2B5EF4-FFF2-40B4-BE49-F238E27FC236}">
                <a16:creationId xmlns:a16="http://schemas.microsoft.com/office/drawing/2014/main" id="{7C02D6E1-5C8B-7AA7-2A44-1A1CA6F12EC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063044" y="516983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ployment</a:t>
            </a:r>
          </a:p>
        </p:txBody>
      </p:sp>
      <p:sp>
        <p:nvSpPr>
          <p:cNvPr id="137" name="OTLSHAPE_SLM_95709696a38649ffbdd746ab0828ed32_Date">
            <a:extLst>
              <a:ext uri="{FF2B5EF4-FFF2-40B4-BE49-F238E27FC236}">
                <a16:creationId xmlns:a16="http://schemas.microsoft.com/office/drawing/2014/main" id="{645FBCF9-A828-4BA5-90AA-6543CC2715F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431430" y="534035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Sep 30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M_babe1040f6434c58b0fdddc6c6d683b1_Title">
            <a:extLst>
              <a:ext uri="{FF2B5EF4-FFF2-40B4-BE49-F238E27FC236}">
                <a16:creationId xmlns:a16="http://schemas.microsoft.com/office/drawing/2014/main" id="{4DC00016-B080-314A-9350-A75C69FA8E2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264591" y="5169831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Review</a:t>
            </a:r>
          </a:p>
        </p:txBody>
      </p:sp>
      <p:sp>
        <p:nvSpPr>
          <p:cNvPr id="140" name="OTLSHAPE_SLM_babe1040f6434c58b0fdddc6c6d683b1_Date">
            <a:extLst>
              <a:ext uri="{FF2B5EF4-FFF2-40B4-BE49-F238E27FC236}">
                <a16:creationId xmlns:a16="http://schemas.microsoft.com/office/drawing/2014/main" id="{00073EB4-4B9B-DB96-C4FA-712642091E6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0347141" y="534035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Oct 24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TB_00000000000000000000000000000000_MiddleTimescaleInterval2">
            <a:extLst>
              <a:ext uri="{FF2B5EF4-FFF2-40B4-BE49-F238E27FC236}">
                <a16:creationId xmlns:a16="http://schemas.microsoft.com/office/drawing/2014/main" id="{AD2F901A-2E41-A823-AAED-22AA12D2092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911289" y="3103965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88" name="OTLSHAPE_TB_00000000000000000000000000000000_MiddleTimescaleInterval3">
            <a:extLst>
              <a:ext uri="{FF2B5EF4-FFF2-40B4-BE49-F238E27FC236}">
                <a16:creationId xmlns:a16="http://schemas.microsoft.com/office/drawing/2014/main" id="{91C61169-F5C5-81C1-32C9-159B9E4D1AB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083857" y="3103965"/>
            <a:ext cx="20518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4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90" name="OTLSHAPE_TB_00000000000000000000000000000000_MiddleTimescaleInterval4">
            <a:extLst>
              <a:ext uri="{FF2B5EF4-FFF2-40B4-BE49-F238E27FC236}">
                <a16:creationId xmlns:a16="http://schemas.microsoft.com/office/drawing/2014/main" id="{313E1148-8500-CEBC-0EE0-0EC55F2AD47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218601" y="3103965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92" name="OTLSHAPE_TB_00000000000000000000000000000000_MiddleTimescaleInterval5">
            <a:extLst>
              <a:ext uri="{FF2B5EF4-FFF2-40B4-BE49-F238E27FC236}">
                <a16:creationId xmlns:a16="http://schemas.microsoft.com/office/drawing/2014/main" id="{E8AFC840-CA0D-C1DF-7F14-166F94B4F0A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391169" y="3103965"/>
            <a:ext cx="19236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2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94" name="OTLSHAPE_TB_00000000000000000000000000000000_MiddleTimescaleInterval6">
            <a:extLst>
              <a:ext uri="{FF2B5EF4-FFF2-40B4-BE49-F238E27FC236}">
                <a16:creationId xmlns:a16="http://schemas.microsoft.com/office/drawing/2014/main" id="{2AF2D70E-8012-03BA-E250-D5215C35276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525913" y="3103965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96" name="OTLSHAPE_TB_00000000000000000000000000000000_MiddleTimescaleInterval7">
            <a:extLst>
              <a:ext uri="{FF2B5EF4-FFF2-40B4-BE49-F238E27FC236}">
                <a16:creationId xmlns:a16="http://schemas.microsoft.com/office/drawing/2014/main" id="{726F8DE3-90D1-D4E5-1533-E0AFC837A8F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698480" y="3103965"/>
            <a:ext cx="22121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98" name="OTLSHAPE_TB_00000000000000000000000000000000_MiddleTimescaleInterval8">
            <a:extLst>
              <a:ext uri="{FF2B5EF4-FFF2-40B4-BE49-F238E27FC236}">
                <a16:creationId xmlns:a16="http://schemas.microsoft.com/office/drawing/2014/main" id="{86646AF7-0AC6-18A1-E406-06B479EF783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871048" y="3103965"/>
            <a:ext cx="20839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2" dirty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00" name="OTLSHAPE_TB_00000000000000000000000000000000_MiddleTimescaleInterval9">
            <a:extLst>
              <a:ext uri="{FF2B5EF4-FFF2-40B4-BE49-F238E27FC236}">
                <a16:creationId xmlns:a16="http://schemas.microsoft.com/office/drawing/2014/main" id="{5C2DE79C-B433-FE04-5A0C-8FCADB1310D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005792" y="3103965"/>
            <a:ext cx="1987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0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01" name="OTLSHAPE_TB_00000000000000000000000000000000_BottomTimescaleInterval1">
            <a:extLst>
              <a:ext uri="{FF2B5EF4-FFF2-40B4-BE49-F238E27FC236}">
                <a16:creationId xmlns:a16="http://schemas.microsoft.com/office/drawing/2014/main" id="{5D9901E3-B7F8-C1E5-4768-F94FC53A165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835640" y="3295989"/>
            <a:ext cx="43441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6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203" name="OTLSHAPE_TB_00000000000000000000000000000000_BottomTimescaleInterval2">
            <a:extLst>
              <a:ext uri="{FF2B5EF4-FFF2-40B4-BE49-F238E27FC236}">
                <a16:creationId xmlns:a16="http://schemas.microsoft.com/office/drawing/2014/main" id="{77509AA4-8A30-5044-923E-3B2E792D5D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159507" y="3295989"/>
            <a:ext cx="6931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8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205" name="OTLSHAPE_TB_00000000000000000000000000000000_BottomTimescaleInterval3">
            <a:extLst>
              <a:ext uri="{FF2B5EF4-FFF2-40B4-BE49-F238E27FC236}">
                <a16:creationId xmlns:a16="http://schemas.microsoft.com/office/drawing/2014/main" id="{D4F583EB-36F3-EA1C-6D37-237B728D16B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483374" y="3295989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07" name="OTLSHAPE_TB_00000000000000000000000000000000_BottomTimescaleInterval4">
            <a:extLst>
              <a:ext uri="{FF2B5EF4-FFF2-40B4-BE49-F238E27FC236}">
                <a16:creationId xmlns:a16="http://schemas.microsoft.com/office/drawing/2014/main" id="{921A4CB8-F888-5669-CEFD-E6A5BA774D6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807241" y="3295989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209" name="OTLSHAPE_TB_00000000000000000000000000000000_BottomTimescaleInterval5">
            <a:extLst>
              <a:ext uri="{FF2B5EF4-FFF2-40B4-BE49-F238E27FC236}">
                <a16:creationId xmlns:a16="http://schemas.microsoft.com/office/drawing/2014/main" id="{1577FC4B-0225-FE3D-B5BF-15090F1442F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131109" y="3295989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211" name="OTLSHAPE_TB_00000000000000000000000000000000_BottomTimescaleInterval6">
            <a:extLst>
              <a:ext uri="{FF2B5EF4-FFF2-40B4-BE49-F238E27FC236}">
                <a16:creationId xmlns:a16="http://schemas.microsoft.com/office/drawing/2014/main" id="{BA065AD7-C248-6042-FD1B-D97972362F7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454976" y="3295989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alibri" panose="020F0502020204030204" pitchFamily="34" charset="0"/>
              </a:rPr>
              <a:t>26</a:t>
            </a:r>
          </a:p>
        </p:txBody>
      </p:sp>
      <p:sp>
        <p:nvSpPr>
          <p:cNvPr id="213" name="OTLSHAPE_TB_00000000000000000000000000000000_BottomTimescaleInterval7">
            <a:extLst>
              <a:ext uri="{FF2B5EF4-FFF2-40B4-BE49-F238E27FC236}">
                <a16:creationId xmlns:a16="http://schemas.microsoft.com/office/drawing/2014/main" id="{2553FA1A-71C8-F13E-A3BD-23E7071776C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778843" y="3295989"/>
            <a:ext cx="14427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 dirty="0">
                <a:solidFill>
                  <a:schemeClr val="lt1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44" name="OTLSHAPE_SLM_98275f49cd564532aefef7d9db4bf21b_Title">
            <a:extLst>
              <a:ext uri="{FF2B5EF4-FFF2-40B4-BE49-F238E27FC236}">
                <a16:creationId xmlns:a16="http://schemas.microsoft.com/office/drawing/2014/main" id="{3F26D3A9-E6CF-6E8F-B93F-A3CACAE6392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502658" y="476808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sability testing</a:t>
            </a:r>
          </a:p>
        </p:txBody>
      </p:sp>
      <p:sp>
        <p:nvSpPr>
          <p:cNvPr id="45" name="OTLSHAPE_SLM_98275f49cd564532aefef7d9db4bf21b_Date">
            <a:extLst>
              <a:ext uri="{FF2B5EF4-FFF2-40B4-BE49-F238E27FC236}">
                <a16:creationId xmlns:a16="http://schemas.microsoft.com/office/drawing/2014/main" id="{3C399CE7-A415-D3E9-FDD0-6AEA4AB318B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091006" y="493860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Sep 21</a:t>
            </a:r>
          </a:p>
        </p:txBody>
      </p:sp>
      <p:sp>
        <p:nvSpPr>
          <p:cNvPr id="47" name="OTLSHAPE_SLM_7d6872a2f95d48a2b5e79e027bc6fdb5_Title">
            <a:extLst>
              <a:ext uri="{FF2B5EF4-FFF2-40B4-BE49-F238E27FC236}">
                <a16:creationId xmlns:a16="http://schemas.microsoft.com/office/drawing/2014/main" id="{4121E6F3-3A51-B678-FDCB-5E9B5E1D909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986978" y="4768088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est integration</a:t>
            </a:r>
          </a:p>
        </p:txBody>
      </p:sp>
      <p:sp>
        <p:nvSpPr>
          <p:cNvPr id="48" name="OTLSHAPE_SLM_7d6872a2f95d48a2b5e79e027bc6fdb5_Date">
            <a:extLst>
              <a:ext uri="{FF2B5EF4-FFF2-40B4-BE49-F238E27FC236}">
                <a16:creationId xmlns:a16="http://schemas.microsoft.com/office/drawing/2014/main" id="{25496AC7-5B9F-3264-75B3-65E4800EA36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528464" y="493860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Aug 11</a:t>
            </a:r>
          </a:p>
        </p:txBody>
      </p:sp>
      <p:cxnSp>
        <p:nvCxnSpPr>
          <p:cNvPr id="146" name="OTLSHAPE_TB_00000000000000000000000000000000_Separator1">
            <a:extLst>
              <a:ext uri="{FF2B5EF4-FFF2-40B4-BE49-F238E27FC236}">
                <a16:creationId xmlns:a16="http://schemas.microsoft.com/office/drawing/2014/main" id="{30A36037-138D-9747-6DA3-8A30166CCB06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3020357" y="29057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TB_00000000000000000000000000000000_Separator2">
            <a:extLst>
              <a:ext uri="{FF2B5EF4-FFF2-40B4-BE49-F238E27FC236}">
                <a16:creationId xmlns:a16="http://schemas.microsoft.com/office/drawing/2014/main" id="{432CBA3D-115A-27F3-B402-9779B54AC521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6462412" y="29057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TB_00000000000000000000000000000000_Separator3">
            <a:extLst>
              <a:ext uri="{FF2B5EF4-FFF2-40B4-BE49-F238E27FC236}">
                <a16:creationId xmlns:a16="http://schemas.microsoft.com/office/drawing/2014/main" id="{8E0B54E8-6ABA-3E09-0A4C-F1D61C4BE44C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9942292" y="29057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B_00000000000000000000000000000000_MiddleSeparator1">
            <a:extLst>
              <a:ext uri="{FF2B5EF4-FFF2-40B4-BE49-F238E27FC236}">
                <a16:creationId xmlns:a16="http://schemas.microsoft.com/office/drawing/2014/main" id="{ABB38CF5-D7A6-9500-CAE8-A7E6E91CEFD1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1847789" y="30977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B_00000000000000000000000000000000_MiddleSeparator2">
            <a:extLst>
              <a:ext uri="{FF2B5EF4-FFF2-40B4-BE49-F238E27FC236}">
                <a16:creationId xmlns:a16="http://schemas.microsoft.com/office/drawing/2014/main" id="{19CF5697-5ECC-2FB9-3A20-063FC6853C3D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3020357" y="30977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B_00000000000000000000000000000000_MiddleSeparator3">
            <a:extLst>
              <a:ext uri="{FF2B5EF4-FFF2-40B4-BE49-F238E27FC236}">
                <a16:creationId xmlns:a16="http://schemas.microsoft.com/office/drawing/2014/main" id="{7053108A-4312-CA73-0F72-D5C58465E40C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4155100" y="30977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B_00000000000000000000000000000000_MiddleSeparator4">
            <a:extLst>
              <a:ext uri="{FF2B5EF4-FFF2-40B4-BE49-F238E27FC236}">
                <a16:creationId xmlns:a16="http://schemas.microsoft.com/office/drawing/2014/main" id="{DB8D6B40-A019-51C0-0884-3FE792D33793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5327668" y="30977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B_00000000000000000000000000000000_MiddleSeparator5">
            <a:extLst>
              <a:ext uri="{FF2B5EF4-FFF2-40B4-BE49-F238E27FC236}">
                <a16:creationId xmlns:a16="http://schemas.microsoft.com/office/drawing/2014/main" id="{9A7C0CAC-5DAA-8697-A35E-3AE7B68392B6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6462412" y="30977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B_00000000000000000000000000000000_MiddleSeparator6">
            <a:extLst>
              <a:ext uri="{FF2B5EF4-FFF2-40B4-BE49-F238E27FC236}">
                <a16:creationId xmlns:a16="http://schemas.microsoft.com/office/drawing/2014/main" id="{977A83B2-F8C4-1212-75F7-FDF08B05F47B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7634980" y="30977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B_00000000000000000000000000000000_MiddleSeparator7">
            <a:extLst>
              <a:ext uri="{FF2B5EF4-FFF2-40B4-BE49-F238E27FC236}">
                <a16:creationId xmlns:a16="http://schemas.microsoft.com/office/drawing/2014/main" id="{70123A19-2F7A-C2B1-E039-1D744CF020D5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8807548" y="30977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TB_00000000000000000000000000000000_MiddleSeparator8">
            <a:extLst>
              <a:ext uri="{FF2B5EF4-FFF2-40B4-BE49-F238E27FC236}">
                <a16:creationId xmlns:a16="http://schemas.microsoft.com/office/drawing/2014/main" id="{E520B4E4-2F0A-877D-647B-6688A67242CC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9942292" y="30977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TB_00000000000000000000000000000000_BottomSeparator1">
            <a:extLst>
              <a:ext uri="{FF2B5EF4-FFF2-40B4-BE49-F238E27FC236}">
                <a16:creationId xmlns:a16="http://schemas.microsoft.com/office/drawing/2014/main" id="{8F322E17-F9D8-F567-44CE-4E363ACD2B3D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3096006" y="328980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TB_00000000000000000000000000000000_BottomSeparator2">
            <a:extLst>
              <a:ext uri="{FF2B5EF4-FFF2-40B4-BE49-F238E27FC236}">
                <a16:creationId xmlns:a16="http://schemas.microsoft.com/office/drawing/2014/main" id="{B44F6851-CAD4-966E-3FD6-3CD99F364B26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4419874" y="328980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TB_00000000000000000000000000000000_BottomSeparator3">
            <a:extLst>
              <a:ext uri="{FF2B5EF4-FFF2-40B4-BE49-F238E27FC236}">
                <a16:creationId xmlns:a16="http://schemas.microsoft.com/office/drawing/2014/main" id="{40676CCB-F875-3282-C932-5EF315E2B2F0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5743741" y="328980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TB_00000000000000000000000000000000_BottomSeparator4">
            <a:extLst>
              <a:ext uri="{FF2B5EF4-FFF2-40B4-BE49-F238E27FC236}">
                <a16:creationId xmlns:a16="http://schemas.microsoft.com/office/drawing/2014/main" id="{6FAEA082-1223-5C6F-4F80-D53695C7F70F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7067608" y="328980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B_00000000000000000000000000000000_BottomSeparator5">
            <a:extLst>
              <a:ext uri="{FF2B5EF4-FFF2-40B4-BE49-F238E27FC236}">
                <a16:creationId xmlns:a16="http://schemas.microsoft.com/office/drawing/2014/main" id="{1C6AC13C-6E9B-265D-6081-FD980461ED52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8391475" y="328980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B_00000000000000000000000000000000_BottomSeparator6">
            <a:extLst>
              <a:ext uri="{FF2B5EF4-FFF2-40B4-BE49-F238E27FC236}">
                <a16:creationId xmlns:a16="http://schemas.microsoft.com/office/drawing/2014/main" id="{D17A7271-91E7-F1EB-BEB9-FCF39DB7243A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9715343" y="328980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M_cbb3cd1a28d3419f8ff8539f050c95f4_Shape">
            <a:extLst>
              <a:ext uri="{FF2B5EF4-FFF2-40B4-BE49-F238E27FC236}">
                <a16:creationId xmlns:a16="http://schemas.microsoft.com/office/drawing/2014/main" id="{AF350254-E27D-1803-54C2-7FC3052FA489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6373486" y="2791460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M_55631e07809b4ba9b09cc8ae11c54b74_Shape">
            <a:extLst>
              <a:ext uri="{FF2B5EF4-FFF2-40B4-BE49-F238E27FC236}">
                <a16:creationId xmlns:a16="http://schemas.microsoft.com/office/drawing/2014/main" id="{32A408D6-8466-54A4-D6E8-D8E4D8F399C1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8491674" y="2791460"/>
            <a:ext cx="177800" cy="177800"/>
          </a:xfrm>
          <a:prstGeom prst="ellipse">
            <a:avLst/>
          </a:prstGeom>
          <a:solidFill>
            <a:srgbClr val="4AB1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M_ec8d508101404e30b941c9d501e90deb_Shape">
            <a:extLst>
              <a:ext uri="{FF2B5EF4-FFF2-40B4-BE49-F238E27FC236}">
                <a16:creationId xmlns:a16="http://schemas.microsoft.com/office/drawing/2014/main" id="{0F966D83-6CDF-84A7-059A-15CFDBCD8F03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0458562" y="2791460"/>
            <a:ext cx="177800" cy="177800"/>
          </a:xfrm>
          <a:prstGeom prst="ellipse">
            <a:avLst/>
          </a:prstGeom>
          <a:solidFill>
            <a:srgbClr val="FD4E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M_8d1dd48d88e6455b9fb285cf30ab32c5_Shape">
            <a:extLst>
              <a:ext uri="{FF2B5EF4-FFF2-40B4-BE49-F238E27FC236}">
                <a16:creationId xmlns:a16="http://schemas.microsoft.com/office/drawing/2014/main" id="{43F90A8F-9989-DC82-B84A-A08A1BEE5089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1910162" y="2791460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cbb3cd1a28d3419f8ff8539f050c95f4_Title">
            <a:extLst>
              <a:ext uri="{FF2B5EF4-FFF2-40B4-BE49-F238E27FC236}">
                <a16:creationId xmlns:a16="http://schemas.microsoft.com/office/drawing/2014/main" id="{DCB712A6-9B49-C1F0-CDEC-C9C663EF86C1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068855" y="242781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ing 1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cbb3cd1a28d3419f8ff8539f050c95f4_Date">
            <a:extLst>
              <a:ext uri="{FF2B5EF4-FFF2-40B4-BE49-F238E27FC236}">
                <a16:creationId xmlns:a16="http://schemas.microsoft.com/office/drawing/2014/main" id="{9AE9475B-46D6-F72E-417B-910D6A52CDB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296672" y="261103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66" name="OTLSHAPE_M_55631e07809b4ba9b09cc8ae11c54b74_Title">
            <a:extLst>
              <a:ext uri="{FF2B5EF4-FFF2-40B4-BE49-F238E27FC236}">
                <a16:creationId xmlns:a16="http://schemas.microsoft.com/office/drawing/2014/main" id="{7F35E37A-093B-5929-0ACC-D45D8E70765C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130189" y="242781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ation</a:t>
            </a:r>
          </a:p>
        </p:txBody>
      </p:sp>
      <p:sp>
        <p:nvSpPr>
          <p:cNvPr id="67" name="OTLSHAPE_M_55631e07809b4ba9b09cc8ae11c54b74_Date">
            <a:extLst>
              <a:ext uri="{FF2B5EF4-FFF2-40B4-BE49-F238E27FC236}">
                <a16:creationId xmlns:a16="http://schemas.microsoft.com/office/drawing/2014/main" id="{B4D8D53F-B338-69D3-74A1-A9E5491F208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401842" y="261103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Aug 25</a:t>
            </a:r>
          </a:p>
        </p:txBody>
      </p:sp>
      <p:sp>
        <p:nvSpPr>
          <p:cNvPr id="69" name="OTLSHAPE_M_ec8d508101404e30b941c9d501e90deb_Title">
            <a:extLst>
              <a:ext uri="{FF2B5EF4-FFF2-40B4-BE49-F238E27FC236}">
                <a16:creationId xmlns:a16="http://schemas.microsoft.com/office/drawing/2014/main" id="{297A0976-5E25-F6D4-469C-79D562C25C7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73850" y="242781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ser training</a:t>
            </a:r>
          </a:p>
        </p:txBody>
      </p:sp>
      <p:sp>
        <p:nvSpPr>
          <p:cNvPr id="70" name="OTLSHAPE_M_ec8d508101404e30b941c9d501e90deb_Date">
            <a:extLst>
              <a:ext uri="{FF2B5EF4-FFF2-40B4-BE49-F238E27FC236}">
                <a16:creationId xmlns:a16="http://schemas.microsoft.com/office/drawing/2014/main" id="{79F378C8-90E1-EB5E-1880-BAADD2204FF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378553" y="261103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Oct 16</a:t>
            </a:r>
          </a:p>
        </p:txBody>
      </p:sp>
      <p:sp>
        <p:nvSpPr>
          <p:cNvPr id="50" name="OTLSHAPE_M_8d1dd48d88e6455b9fb285cf30ab32c5_Title">
            <a:extLst>
              <a:ext uri="{FF2B5EF4-FFF2-40B4-BE49-F238E27FC236}">
                <a16:creationId xmlns:a16="http://schemas.microsoft.com/office/drawing/2014/main" id="{55B5BD59-CC5D-B421-4850-34E0644DBA5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735156" y="2427817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nitiation</a:t>
            </a:r>
          </a:p>
        </p:txBody>
      </p:sp>
      <p:sp>
        <p:nvSpPr>
          <p:cNvPr id="51" name="OTLSHAPE_M_8d1dd48d88e6455b9fb285cf30ab32c5_Date">
            <a:extLst>
              <a:ext uri="{FF2B5EF4-FFF2-40B4-BE49-F238E27FC236}">
                <a16:creationId xmlns:a16="http://schemas.microsoft.com/office/drawing/2014/main" id="{D23F6EEE-85AE-D5E3-8253-9C38DFC93A7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845667" y="261103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rgbClr val="737373"/>
                </a:solidFill>
                <a:latin typeface="Calibri" panose="020F0502020204030204" pitchFamily="34" charset="0"/>
              </a:rPr>
              <a:t>Mar 4</a:t>
            </a:r>
          </a:p>
        </p:txBody>
      </p:sp>
      <p:pic>
        <p:nvPicPr>
          <p:cNvPr id="5" name="Picture 4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BACD80B9-455D-7B4F-2510-C6EC58EC02B9}"/>
              </a:ext>
            </a:extLst>
          </p:cNvPr>
          <p:cNvPicPr>
            <a:picLocks noChangeAspect="1"/>
          </p:cNvPicPr>
          <p:nvPr/>
        </p:nvPicPr>
        <p:blipFill>
          <a:blip r:embed="rId10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98056" y="5580314"/>
            <a:ext cx="2241154" cy="308759"/>
          </a:xfrm>
          <a:prstGeom prst="rect">
            <a:avLst/>
          </a:prstGeom>
        </p:spPr>
      </p:pic>
      <p:sp>
        <p:nvSpPr>
          <p:cNvPr id="53" name="TextBox 52">
            <a:extLst>
              <a:ext uri="{FF2B5EF4-FFF2-40B4-BE49-F238E27FC236}">
                <a16:creationId xmlns:a16="http://schemas.microsoft.com/office/drawing/2014/main" id="{7227F989-D210-8AEA-BEBF-C9C3AE73089D}"/>
              </a:ext>
            </a:extLst>
          </p:cNvPr>
          <p:cNvSpPr txBox="1"/>
          <p:nvPr/>
        </p:nvSpPr>
        <p:spPr>
          <a:xfrm>
            <a:off x="11113103" y="2835813"/>
            <a:ext cx="1078897" cy="4770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n-US" sz="1000" b="1" dirty="0"/>
              <a:t>Project status: </a:t>
            </a:r>
          </a:p>
          <a:p>
            <a:pPr>
              <a:spcAft>
                <a:spcPts val="600"/>
              </a:spcAft>
            </a:pPr>
            <a:r>
              <a:rPr lang="en-US" sz="1000" dirty="0"/>
              <a:t>On track</a:t>
            </a:r>
          </a:p>
        </p:txBody>
      </p:sp>
      <p:pic>
        <p:nvPicPr>
          <p:cNvPr id="54" name="Picture 53" descr="A close up of a sign&#10;&#10;Description automatically generated">
            <a:extLst>
              <a:ext uri="{FF2B5EF4-FFF2-40B4-BE49-F238E27FC236}">
                <a16:creationId xmlns:a16="http://schemas.microsoft.com/office/drawing/2014/main" id="{425E7CE4-37FE-15B2-12FC-322C673A41A5}"/>
              </a:ext>
            </a:extLst>
          </p:cNvPr>
          <p:cNvPicPr>
            <a:picLocks noChangeAspect="1"/>
          </p:cNvPicPr>
          <p:nvPr/>
        </p:nvPicPr>
        <p:blipFill>
          <a:blip r:embed="rId108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109"/>
              </a:ext>
            </a:extLst>
          </a:blip>
          <a:stretch>
            <a:fillRect/>
          </a:stretch>
        </p:blipFill>
        <p:spPr>
          <a:xfrm>
            <a:off x="11720250" y="3081444"/>
            <a:ext cx="224862" cy="224862"/>
          </a:xfrm>
          <a:prstGeom prst="rect">
            <a:avLst/>
          </a:prstGeom>
        </p:spPr>
      </p:pic>
      <p:sp>
        <p:nvSpPr>
          <p:cNvPr id="55" name="TextBox 54">
            <a:extLst>
              <a:ext uri="{FF2B5EF4-FFF2-40B4-BE49-F238E27FC236}">
                <a16:creationId xmlns:a16="http://schemas.microsoft.com/office/drawing/2014/main" id="{87A14772-2D82-3372-2663-408790E57BA7}"/>
              </a:ext>
            </a:extLst>
          </p:cNvPr>
          <p:cNvSpPr txBox="1"/>
          <p:nvPr/>
        </p:nvSpPr>
        <p:spPr>
          <a:xfrm>
            <a:off x="11105824" y="4244732"/>
            <a:ext cx="1066145" cy="11182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/>
              <a:t>Marketing:  </a:t>
            </a:r>
            <a:br>
              <a:rPr lang="en-US" sz="1000" dirty="0"/>
            </a:br>
            <a:r>
              <a:rPr lang="en-US" sz="1000" dirty="0"/>
              <a:t>Diana Hunter</a:t>
            </a:r>
          </a:p>
          <a:p>
            <a:pPr>
              <a:spcBef>
                <a:spcPts val="400"/>
              </a:spcBef>
            </a:pPr>
            <a:r>
              <a:rPr lang="en-US" sz="1000" b="1" dirty="0"/>
              <a:t>Technical:  </a:t>
            </a:r>
            <a:br>
              <a:rPr lang="en-US" sz="1000" dirty="0"/>
            </a:br>
            <a:r>
              <a:rPr lang="en-US" sz="1000" dirty="0"/>
              <a:t>Dan Brown</a:t>
            </a:r>
          </a:p>
          <a:p>
            <a:pPr>
              <a:spcBef>
                <a:spcPts val="400"/>
              </a:spcBef>
            </a:pPr>
            <a:r>
              <a:rPr lang="en-US" sz="1000" b="1" dirty="0"/>
              <a:t>Release:  </a:t>
            </a:r>
            <a:br>
              <a:rPr lang="en-US" sz="1000" dirty="0"/>
            </a:br>
            <a:r>
              <a:rPr lang="en-US" sz="1000" dirty="0"/>
              <a:t>Carmen Callas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935E4691-318F-44E3-ACC9-6482114B75EB}"/>
              </a:ext>
            </a:extLst>
          </p:cNvPr>
          <p:cNvSpPr txBox="1"/>
          <p:nvPr/>
        </p:nvSpPr>
        <p:spPr>
          <a:xfrm>
            <a:off x="11111684" y="3416202"/>
            <a:ext cx="1018263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n-US" sz="1000" b="1" dirty="0"/>
              <a:t>Budget: </a:t>
            </a: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466FE5F7-1A00-2019-8C3E-EF205CB276A5}"/>
              </a:ext>
            </a:extLst>
          </p:cNvPr>
          <p:cNvSpPr/>
          <p:nvPr/>
        </p:nvSpPr>
        <p:spPr>
          <a:xfrm>
            <a:off x="11187446" y="3675888"/>
            <a:ext cx="731520" cy="385725"/>
          </a:xfrm>
          <a:prstGeom prst="roundRect">
            <a:avLst>
              <a:gd name="adj" fmla="val 6695"/>
            </a:avLst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$145K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B9F6C987-207B-B0F8-E39E-CE8324623269}"/>
              </a:ext>
            </a:extLst>
          </p:cNvPr>
          <p:cNvSpPr txBox="1"/>
          <p:nvPr/>
        </p:nvSpPr>
        <p:spPr>
          <a:xfrm>
            <a:off x="4201616" y="924230"/>
            <a:ext cx="4193677" cy="769441"/>
          </a:xfrm>
          <a:prstGeom prst="rect">
            <a:avLst/>
          </a:prstGeom>
          <a:solidFill>
            <a:schemeClr val="bg1"/>
          </a:solidFill>
          <a:ln w="12700">
            <a:solidFill>
              <a:srgbClr val="00A560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4400" b="1" dirty="0">
                <a:solidFill>
                  <a:srgbClr val="222222"/>
                </a:solidFill>
              </a:rPr>
              <a:t>Project </a:t>
            </a:r>
            <a:r>
              <a:rPr lang="ro-RO" sz="4400" b="1" dirty="0">
                <a:solidFill>
                  <a:srgbClr val="222222"/>
                </a:solidFill>
              </a:rPr>
              <a:t>timeline</a:t>
            </a:r>
            <a:endParaRPr lang="en-US" sz="4400" b="1" dirty="0">
              <a:solidFill>
                <a:srgbClr val="22222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974475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zLTAxVDAwOjAwOjAwWiIsIkVuZERhdGUiOiIyMDIyLTA1LTE1VDIzOjU5OjAwWiIsIlBlcmNlbnRhZ2VDb21wbGV0ZSI6bnVsbCwiU3R5bGUiOnsiJGlkIjoiNyIsIlNoYXBlIjozLCJTaGFwZVRoaWNrbmVzcyI6MSwiRHVyYXRpb25Gb3JtYXQiOjE4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g5LCJHIjo4OSwiQiI6ODl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AsIlIiOjI1NSwiRyI6MjU1LCJCIjoyNTV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OTEsIkciOjE1NSwiQiI6MjEzfX0sIklzVmlzaWJsZSI6dHJ1ZSwiV2lkdGgiOjAuMCwiSGVpZ2h0IjoxNi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AsIkciOjAsIkIiOjB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MCwiUiI6MjU1LCJHIjoyNTUsIkIiOjI1NX1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pZCI6IjE0MCIsIkNvbG9yIjp7IiRpZCI6IjE0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M5MyIsIlRvcCI6MC4wLCJMZWZ0IjowLjAsIlJpZ2h0IjowLjAsIkJvdHRvbSI6MC4wfSwiUGFkZGluZyI6eyIkaWQiOiIzOTQiLCJUb3AiOjAuMCwiTGVmdCI6MC4wLCJSaWdodCI6MC4wLCJCb3R0b20iOjAuMH0sIkJhY2tncm91bmQiOnsiJGlkIjoiMzk1IiwiQ29sb3IiOnsiJGlkIjoiMzk2IiwiQSI6MCwiUiI6MjU1LCJHIjoyNTUsIkIiOjI1NX19LCJJc1Zpc2libGUiOnRydWUsIldpZHRoIjowLjAsIkhlaWdodCI6MC4wLCJCb3JkZXJTdHlsZSI6bnVsbCwiUGFyZW50U3R5bGUiOm51bGx9LCJEYXRlRm9ybWF0Ijp7IiRpZCI6IjM5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AsIlIiOjI1NSwiRyI6MjU1LCJCIjoyNTV9fSwiSXNWaXNpYmxlIjp0cnVlLCJXaWR0aCI6MC4wLCJIZWlnaHQiOjAuMCwiQm9yZGVyU3R5bGUiOm51bGwsIlBhcmVudFN0eWxlIjpudWxsfSwiRGF0ZVN0eWxlIjp7IiRpZCI6IjQxNiIsIkZvbnRTZXR0aW5ncyI6eyIkaWQiOiI0MTciLCJGb250U2l6ZSI6MTAsIkZvbnROYW1lIjoiQ2FsaWJyaSIsIklzQm9sZCI6ZmFsc2UsIklzSXRhbGljIjpmYWxzZSwiSXNVbmRlcmxpbmVkIjpmYWxzZSwiUGFyZW50U3R5bGUiOm51bGx9LCJBdXRvU2l6ZSI6MCwiRm9yZWdyb3VuZCI6eyIkaWQiOiI0MTgiLCJDb2xvciI6eyIkaWQiOiI0MTk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M5MyJ9LCJQYWRkaW5nIjp7IiRyZWYiOiIzOTQifSwiQmFja2dyb3VuZCI6eyIkaWQiOiI0OTMiLCJDb2xvciI6eyIkaWQiOiI0OTQiLCJBIjowLCJSIjoyNTUsIkciOjI1NSwiQiI6MjU1fX0sIklzVmlzaWJsZSI6dHJ1ZSwiV2lkdGgiOjAuMCwiSGVpZ2h0IjowLjAsIkJvcmRlclN0eWxlIjpudWxsLCJQYXJlbnRTdHlsZSI6bnVsbH0sIkRhdGVGb3JtYXQiOnsiJGlkIjoiNDk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zkzIn0sIlBhZGRpbmciOnsiJHJlZiI6IjM5NCJ9LCJCYWNrZ3JvdW5kIjp7IiRpZCI6IjUxNiIsIkNvbG9yIjp7IiRpZCI6IjUxNyIsIkEiOjAsIlIiOjI1NSwiRyI6MjU1LCJCIjoyNTV9fSwiSXNWaXNpYmxlIjp0cnVlLCJXaWR0aCI6MC4wLCJIZWlnaHQiOjAuMCwiQm9yZGVyU3R5bGUiOm51bGwsIlBhcmVudFN0eWxlIjpudWxsfSwiRGF0ZUZvcm1hdCI6eyIkaWQiOiI1M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kzIn0sIlBhZGRpbmciOnsiJHJlZiI6IjM5NCJ9LCJCYWNrZ3JvdW5kIjp7IiRpZCI6IjcyMCIsIkNvbG9yIjp7IiRyZWYiOiI1NiJ9fSwiSXNWaXNpYmxlIjp0cnVlLCJXaWR0aCI6MC4wLCJIZWlnaHQiOjAuMCwiQm9yZGVyU3R5bGUiOm51bGwsIlBhcmVudFN0eWxlIjpudWxsfSwiRGF0ZUZvcm1hdCI6eyIkaWQiOiI3Mj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wsIl9leHBsaWNpdGx5U2V0Ijp7IiRpZCI6Ijc2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yMCJ9LCJQYWRkaW5nIjp7IiRyZWYiOiI0MjEifSwiQmFja2dyb3VuZCI6eyIkaWQiOiI3ODIiLCJDb2xvciI6eyIkaWQiOiI3ODMiLCJBIjowLCJSIjowLCJHIjowLCJCIjowfX0sIklzVmlzaWJsZSI6dHJ1ZSwiV2lkdGgiOjAuMCwiSGVpZ2h0IjowLjAsIkJvcmRlclN0eWxlIjpudWxsLCJQYXJlbnRTdHlsZSI6bnVsbH0sIkRhdGVGb3JtYXQiOnsiJGlkIjoiNzg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zOTMifSwiUGFkZGluZyI6eyIkcmVmIjoiMzk0In0sIkJhY2tncm91bmQiOnsiJGlkIjoiODU3IiwiQ29sb3IiOnsiJGlkIjoiODU4IiwiQSI6MCwiUiI6MjU1LCJHIjoyNTUsIkIiOjI1NX19LCJJc1Zpc2libGUiOnRydWUsIldpZHRoIjowLjAsIkhlaWdodCI6MC4wLCJCb3JkZXJTdHlsZSI6eyIkaWQiOiI4NTkiLCJMaW5lQ29sb3IiOm51bGwsIkxpbmVXZWlnaHQiOjAuMCwiTGluZVR5cGUiOjAsIlBhcmVudFN0eWxlIjpudWxsfSwiUGFyZW50U3R5bGUiOm51bGx9LCJEYXRlRm9ybWF0Ijp7IiRpZCI6Ijg2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k3NyIsIkltcGFPcHRpb25zIjp7IiRpZCI6Ijk3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k3OSIsIlVzZVRpbWUiOmZhbHNlLCJXb3JrRGF5U3RhcnQiOiIwMDowMDowMCIsIldvcmtEYXlFbmQiOiIyMzo1OTowMCJ9LCJMYXN0VXNlZFRlbXBsYXRlSWQiOiI0M2Q5MmU0Ni1jOTJjLTRlMjctYjI4Yi02ZWM3MmQyMjdmMTciLCJGaXJzdFdlZWtPZlllYXIiOjAsIlBsYWNlTWlsZXN0b25lQXRUaGVCZWdpbm5pbmdPZlRoZURheSI6ZmFsc2UsIkRlcGVuZGVuY3lTY2hlZHVsaW5nU2V0dGluZ3MiOnsiJGlkIjoiOTgw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10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LEFTENDCAPSMARGINLEFT" val="62.6585365853659"/>
  <p:tag name="OTLTIMEBANDFYSTARTMONTH" val="January"/>
  <p:tag name="OTLTIMEBANDSHOWFYLABEL" val="True"/>
  <p:tag name="OTLTIMEBANDUSESTARTINGOFTHEYEARFORFYNUMBERING" val="True"/>
  <p:tag name="OTLTIMEBANDRESERVEDLEFTAREAWIDTH" val="81.0985365853659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RIGHTENDCAPSMARGINRIGHT" val="76.7441860465119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zLTAxVDAwOjAwOjAwWiIsIkVuZERhdGUiOiIyMDIyLTA1LTE1VDIzOjU5OjAwWiIsIlBlcmNlbnRhZ2VDb21wbGV0ZSI6bnVsbCwiU3R5bGUiOnsiJGlkIjoiNyIsIlNoYXBlIjozLCJTaGFwZVRoaWNrbmVzcyI6MSwiRHVyYXRpb25Gb3JtYXQiOjE4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g5LCJHIjo4OSwiQiI6ODl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AsIlIiOjI1NSwiRyI6MjU1LCJCIjoyNTV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OTEsIkciOjE1NSwiQiI6MjEzfX0sIklzVmlzaWJsZSI6dHJ1ZSwiV2lkdGgiOjAuMCwiSGVpZ2h0IjoxNi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AsIkciOjAsIkIiOjB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MCwiUiI6MjU1LCJHIjoyNTUsIkIiOjI1NX1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pZCI6IjE0MCIsIkNvbG9yIjp7IiRpZCI6IjE0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eyIkcmVmIjoiMjMwIn0sIklzVmlzaWJsZSI6dHJ1ZSwiV2lkdGgiOjAuMCwiSGVpZ2h0IjowLjAsIkJvcmRlclN0eWxlIjp7IiRpZCI6IjI3OSIsIkxpbmVDb2xvciI6bnVsbCwiTGluZVdlaWdodCI6MC4wLCJMaW5lVHlwZSI6MCwiUGFyZW50U3R5bGUiOm51bGx9LCJQYXJlbnRTdHlsZSI6bnVsbH0sIkRhdGVGb3JtYXQiOnsiJGlkIjoiM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m51bGx9LCJNYXJnaW4iOnsiJGlkIjoiMzAwIiwiVG9wIjowLjAsIkxlZnQiOjAuMCwiUmlnaHQiOjAuMCwiQm90dG9tIjowLjB9LCJQYWRkaW5nIjp7IiRpZCI6IjMwMSIsIlRvcCI6MC4wLCJMZWZ0IjowLjAsIlJpZ2h0IjowLjAsIkJvdHRvbSI6MC4wfSwiQmFja2dyb3VuZCI6bnVsbCwiSXNWaXNpYmxlIjp0cnVlLCJXaWR0aCI6MC4wLCJIZWlnaHQiOjAuMCwiQm9yZGVyU3R5bGUiOm51bGwsIlBhcmVudFN0eWxlIjpudWxsfSwiQmFja2dyb3VuZF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GlkIjoiMzg4IiwiQSI6MCwiUiI6MjU1LCJHIjoyNTUsIkIiOjI1NX19LCJJc1Zpc2libGUiOnRydWUsIldpZHRoIjowLjAsIkhlaWdodCI6MC4wLCJCb3JkZXJTdHlsZSI6bnVsbCwiUGFyZW50U3R5bGUiOm51bGx9LCJEYXRlU3R5bGUiOnsiJGlkIjoiMzg5IiwiRm9udFNldHRpbmdzIjp7IiRpZCI6IjM5MCIsIkZvbnRTaXplIjoxMCwiRm9udE5hbWUiOiJDYWxpYnJpIiwiSXNCb2xkIjpmYWxzZSwiSXNJdGFsaWMiOmZhbHNlLCJJc1VuZGVybGluZWQiOmZhbHNlLCJQYXJlbnRTdHlsZSI6bnVsbH0sIkF1dG9TaXplIjowLCJGb3JlZ3JvdW5kIjp7IiRpZCI6IjM5MSIsIkNvbG9yIjp7IiRpZCI6IjM5M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zOTMiLCJUb3AiOjAuMCwiTGVmdCI6MC4wLCJSaWdodCI6MC4wLCJCb3R0b20iOjAuMH0sIlBhZGRpbmciOnsiJGlkIjoiMzk0IiwiVG9wIjowLjAsIkxlZnQiOjAuMCwiUmlnaHQiOjAuMCwiQm90dG9tIjowLjB9LCJCYWNrZ3JvdW5kIjp7IiRpZCI6IjM5NSIsIkNvbG9yIjp7IiRpZCI6IjM5NiIsIkEiOjAsIlIiOjI1NSwiRyI6MjU1LCJCIjoyNTV9fSwiSXNWaXNpYmxlIjp0cnVlLCJXaWR0aCI6MC4wLCJIZWlnaHQiOjAuMCwiQm9yZGVyU3R5bGUiOm51bGwsIlBhcmVudFN0eWxlIjpudWxsfSwiRGF0ZUZvcm1hdCI6eyIkaWQiOiIz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TgiLCJEYXRlUGFydElzVmlzaWJsZSI6dHJ1ZSwiVGltZVBhcnRJc1Zpc2libGUiOmZhbHNlfX0sIldlZWtOdW1iZXJpbmciOnsiJGlkIjoiMzk5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YzdkODNjOGQtNjNmNS00MGYwLTkwNmItMWQwMWI2ZDIyMWQzIiwiSGVhZGVyVGV4dCI6IldlYiIsIklzRGVmYXVsdCI6ZmFsc2UsIlN0eWxlIjp7IiRpZCI6IjQwMCIsIkhlYWRlclN0eWxlIjp7IiRpZCI6IjQwMSIsIlRleHRTdHlsZSI6eyIkaWQiOiI0MDIiLCJGb250U2V0dGluZ3MiOnsiJGlkIjoiNDAzIiwiRm9udFNpemUiOjEyLCJGb250TmFtZSI6IkNhbGlicmkiLCJJc0JvbGQiOnRydWUsIklzSXRhbGljIjpmYWxzZSwiSXNVbmRlcmxpbmVkIjpmYWxzZSwiUGFyZW50U3R5bGUiOm51bGx9LCJBdXRvU2l6ZSI6MCwiRm9yZWdyb3VuZCI6eyIkaWQiOiI0MDQiLCJDb2xvciI6eyIkaWQiOiI0MD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zkzIn0sIlBhZGRpbmciOnsiJHJlZiI6IjM5NCJ9LCJCYWNrZ3JvdW5kIjp7IiRpZCI6IjQ1MCIsIkNvbG9yIjp7IiRpZCI6IjQ1MSIsIkEiOjAsIlIiOjI1NSwiRyI6MjU1LCJCIjoyNTV9fSwiSXNWaXNpYmxlIjp0cnVlLCJXaWR0aCI6MC4wLCJIZWlnaHQiOjAuMCwiQm9yZGVyU3R5bGUiOm51bGwsIlBhcmVudFN0eWxlIjpudWxsfSwiRGF0ZUZvcm1hdCI6eyIkaWQiOiI0N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zODUifSwiUGFkZGluZyI6eyIkcmVmIjoiMzg2In0sIkJhY2tncm91bmQiOnsiJGlkIjoiNDY3IiwiQ29sb3IiOnsiJGlkIjoiNDY4IiwiQSI6MCwiUiI6MjU1LCJHIjoyNTUsIkIiOjI1NX19LCJJc1Zpc2libGUiOnRydWUsIldpZHRoIjowLjAsIkhlaWdodCI6MC4wLCJCb3JkZXJTdHlsZSI6bnVsbCwiUGFyZW50U3R5bGUiOm51bGx9LCJEY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zkzIn0sIlBhZGRpbmciOnsiJHJlZiI6IjM5NCJ9LCJCYWNrZ3JvdW5kIjp7IiRpZCI6IjQ3MyIsIkNvbG9yIjp7IiRpZCI6IjQ3NCIsIkEiOjAsIlIiOjI1NSwiRyI6MjU1LCJCIjoyNTV9fSwiSXNWaXNpYmxlIjp0cnVlLCJXaWR0aCI6MC4wLCJIZWlnaHQiOjAuMCwiQm9yZGVyU3R5bGUiOm51bGwsIlBhcmVudFN0eWxlIjpudWxsfSwiRGF0ZUZvcm1hdCI6eyIkaWQiOiI0Nz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kzIn0sIlBhZGRpbmciOnsiJHJlZiI6IjM5NCJ9LCJCYWNrZ3JvdW5kIjp7IiRpZCI6IjY3NyIsIkNvbG9yIjp7IiRyZWYiOiI1NiJ9fSwiSXNWaXNpYmxlIjp0cnVlLCJXaWR0aCI6MC4wLCJIZWlnaHQiOjAuMCwiQm9yZGVyU3R5bGUiOm51bGwsIlBhcmVudFN0eWxlIjpudWxsfSwiRGF0ZUZvcm1hdCI6eyIkaWQiOiI2Nz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CIsIkZvcm1hdCI6MCwiSXNWaXNpYmxlIjpmYWxzZSwiTGFzdEtub3duVmlzaWJpbGl0eVN0YXRlIjpmYWxzZX0sIklzVmlzaWJsZSI6dHJ1ZSwiUGFyZW50U3R5bGUiOm51bGwsIl9leHBsaWNpdGx5U2V0Ijp7IiRpZCI6Ijcy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QzIiwiVG9wIjowLjAsIkxlZnQiOjAuMCwiUmlnaHQiOjAuMCwiQm90dG9tIjowLjB9LCJQYWRkaW5nIjp7IiRpZCI6Ijc0NCIsIlRvcCI6MC4wLCJMZWZ0IjowLjAsIlJpZ2h0IjowLjAsIkJvdHRvbSI6MC4wfSwiQmFja2dyb3VuZCI6eyIkaWQiOiI3NDUiLCJDb2xvciI6eyIkaWQiOiI3NDYiLCJBIjowLCJSIjowLCJHIjowLCJCIjowfX0sIklzVmlzaWJsZSI6dHJ1ZSwiV2lkdGgiOjAuMCwiSGVpZ2h0IjowLjAsIkJvcmRlclN0eWxlIjpudWxsLCJQYXJlbnRTdHlsZSI6bnVsbH0sIkRhdGVGb3JtYXQiOnsiJGlkIjoiNzQ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kxNCIsIkltcGFPcHRpb25zIjp7IiRpZCI6Ijkx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kxNiIsIlVzZVRpbWUiOmZhbHNlLCJXb3JrRGF5U3RhcnQiOiIwMDowMDowMCIsIldvcmtEYXlFbmQiOiIyMzo1OTowMCJ9LCJMYXN0VXNlZFRlbXBsYXRlSWQiOiI0M2Q5MmU0Ni1jOTJjLTRlMjctYjI4Yi02ZWM3MmQyMjdmMTciLCJGaXJzdFdlZWtPZlllYXIiOjAsIlBsYWNlTWlsZXN0b25lQXRUaGVCZWdpbm5pbmdPZlRoZURheSI6ZmFsc2UsIkRlcGVuZGVuY3lTY2hlZHVsaW5nU2V0dGluZ3MiOnsiJGlkIjoiOTE3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zLTAxVDAwOjAwOjAwWiIsIkVuZERhdGUiOiIyMDIyLTA1LTE1VDIzOjU5OjAwWiIsIlBlcmNlbnRhZ2VDb21wbGV0ZSI6bnVsbCwiU3R5bGUiOnsiJGlkIjoiNyIsIlNoYXBlIjozLCJTaGFwZVRoaWNrbmVzcyI6MSwiRHVyYXRpb25Gb3JtYXQiOjE4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g5LCJHIjo4OSwiQiI6ODl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AsIlIiOjI1NSwiRyI6MjU1LCJCIjoyNTV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OTEsIkciOjE1NSwiQiI6MjEzfX0sIklzVmlzaWJsZSI6dHJ1ZSwiV2lkdGgiOjAuMCwiSGVpZ2h0IjoxNi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AsIkciOjAsIkIiOjB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pZCI6IjEzNiIsIkEiOjAsIlIiOjI1NSwiRyI6MjU1LCJCIjoyNTV9fSwiSXNWaXNpYmxlIjp0cnVlLCJXaWR0aCI6MC4wLCJIZWlnaHQiOjAuMCwiQm9yZGVyU3R5bGUiOnsiJGlkIjoiMTM3IiwiTGluZUNvbG9yIjpudWxsLCJMaW5lV2VpZ2h0IjowLjAsIkxpbmVUeXBlIjowLCJQYXJlbnRTdHlsZSI6bnVsbH0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aWQiOiIxNDAiLCJDb2xvciI6eyIkaWQiOiIx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m51bGwsIlBhcmVudFN0eWxlIjpudWxsfSwiQmFja2dyb3VuZF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2IiwiVG9wIjowLjAsIkxlZnQiOjAuMCwiUmlnaHQiOjAuMCwiQm90dG9tIjowLjB9LCJQYWRkaW5nIjp7IiRpZCI6IjE5NyIsIlRvcCI6MC4wLCJMZWZ0IjowLjAsIlJpZ2h0IjowLjAsIkJvdHRvbSI6MC4wfSwiQmFja2dyb3VuZCI6eyIkaWQiOiIxOTgiLCJDb2xvciI6eyIkaWQiOiIxOTkiLCJBIjowLCJSIjoyNTUsIkciOjI1NSwiQiI6MjU1fX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GlkIjoiMjAyIiwiJHR5cGUiOiJOTFJFLkNvbW1vbi5Eb20uU29saWRDb2xvckJydXNoLCBOTFJFLkNvbW1vbiIsIkNvbG9yIjp7IiRpZCI6IjIwMyIsIkEiOjI1NSwiUiI6MjA0LCJHIjoyMDQsIkIiOjIwNH19LCJMaW5lV2VpZ2h0IjoxLjAsIkxpbmVUeXBlIjowLCJQYXJlbnRTdHlsZSI6bnVsbH0sIlZlcnRpY2FsQ29ubmVjdG9yU3R5bGUiOnsiJGlkIjoiMjA0IiwiTGluZUNvbG9yIjp7IiRpZCI6IjIwNSIsIiR0eXBlIjoiTkxSRS5Db21tb24uRG9tLlNvbGlkQ29sb3JCcnVzaCwgTkxSRS5Db21tb24iLCJDb2xvciI6eyIkaWQiOiIyMD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GlkIjoiMzg4IiwiQSI6MCwiUiI6MjU1LCJHIjoyNTUsIkIiOjI1NX19LCJJc1Zpc2libGUiOnRydWUsIldpZHRoIjowLjAsIkhlaWdodCI6MC4wLCJCb3JkZXJTdHlsZSI6bnVsbCwiUGFyZW50U3R5bGUiOm51bGx9LCJEYXRlU3R5bGUiOnsiJGlkIjoiMzg5IiwiRm9udFNldHRpbmdzIjp7IiRpZCI6IjM5MCIsIkZvbnRTaXplIjoxMCwiRm9udE5hbWUiOiJDYWxpYnJpIiwiSXNCb2xkIjpmYWxzZSwiSXNJdGFsaWMiOmZhbHNlLCJJc1VuZGVybGluZWQiOmZhbHNlLCJQYXJlbnRTdHlsZSI6bnVsbH0sIkF1dG9TaXplIjowLCJGb3JlZ3JvdW5kIjp7IiRpZCI6IjM5MSIsIkNvbG9yIjp7IiRpZCI6IjM5M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zOTMiLCJUb3AiOjAuMCwiTGVmdCI6MC4wLCJSaWdodCI6MC4wLCJCb3R0b20iOjAuMH0sIlBhZGRpbmciOnsiJGlkIjoiMzk0IiwiVG9wIjowLjAsIkxlZnQiOjAuMCwiUmlnaHQiOjAuMCwiQm90dG9tIjowLjB9LCJCYWNrZ3JvdW5kIjp7IiRpZCI6IjM5NSIsIkNvbG9yIjp7IiRpZCI6IjM5NiIsIkEiOjAsIlIiOjI1NSwiRyI6MjU1LCJCIjoyNTV9fSwiSXNWaXNpYmxlIjp0cnVlLCJXaWR0aCI6MC4wLCJIZWlnaHQiOjAuMCwiQm9yZGVyU3R5bGUiOm51bGwsIlBhcmVudFN0eWxlIjpudWxsfSwiRGF0ZUZvcm1hdCI6eyIkaWQiOiIz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dHJ1ZSwiV2lkdGgiOjAuMCwiSGVpZ2h0IjowLjAsIkJvcmRlclN0eWxlIjpudWxsLCJQYXJlbnRTdHlsZSI6bnVsbH0sIkRhdGVTdHlsZSI6eyIkaWQiOiI0MTYiLCJGb250U2V0dGluZ3MiOnsiJGlkIjoiNDE3IiwiRm9udFNpemUiOjEwLCJGb250TmFtZSI6IkNhbGlicmkiLCJJc0JvbGQiOmZhbHNlLCJJc0l0YWxpYyI6ZmFsc2UsIklzVW5kZXJsaW5lZCI6ZmFsc2UsIlBhcmVudFN0eWxlIjpudWxsfSwiQXV0b1NpemUiOjAsIkZvcmVncm91bmQiOnsiJGlkIjoiNDE4IiwiQ29sb3IiOnsiJGlkIjoiNDE5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0MTIifSwiUGFkZGluZyI6eyIkcmVmIjoiNDEzIn0sIkJhY2tncm91bmQiOnsiJGlkIjoiNDM0IiwiQ29sb3IiOnsiJGlkIjoiNDM1IiwiQSI6MCwiUiI6MjU1LCJHIjoyNTUsIkIiOjI1NX19LCJJc1Zpc2libGUiOnRydWUsIldpZHRoIjowLjAsIkhlaWdodCI6MC4wLCJCb3JkZXJTdHlsZSI6bnVsbCwiUGFyZW50U3R5bGUiOm51bGx9LCJEYXRl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zOTMifSwiUGFkZGluZyI6eyIkcmVmIjoiMzk0In0sIkJhY2tncm91bmQiOnsiJGlkIjoiNDkzIiwiQ29sb3IiOnsiJGlkIjoiNDk0IiwiQSI6MCwiUiI6MjU1LCJHIjoyNTUsIkIiOjI1NX19LCJJc1Zpc2libGUiOnRydWUsIldpZHRoIjowLjAsIkhlaWdodCI6MC4wLCJCb3JkZXJTdHlsZSI6bnVsbCwiUGFyZW50U3R5bGUiOm51bGx9LCJEYXRlRm9ybWF0Ijp7IiRpZCI6IjQ5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m51bGx9LCJUaXRsZVN0eWxlIjp7IiRpZCI6IjUwNiIsIkZvbnRTZXR0aW5ncyI6eyIkaWQiOiI1MDciLCJGb250U2l6ZSI6MTEsIkZvbnROYW1lIjoiQ2FsaWJyaSIsIklzQm9sZCI6dHJ1ZSwiSXNJdGFsaWMiOmZhbHNlLCJJc1VuZGVybGluZWQiOmZhbHNlLCJQYXJlbnRTdHlsZSI6bnVsbH0sIkF1dG9TaXplIjowLCJGb3JlZ3JvdW5kIjp7IiRpZCI6IjUwOCIsIkNvbG9yIjp7IiRpZCI6IjUw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M5MyJ9LCJQYWRkaW5nIjp7IiRyZWYiOiIzOTQifSwiQmFja2dyb3VuZCI6eyIkaWQiOiI1MTYiLCJDb2xvciI6eyIkaWQiOiI1MTciLCJBIjowLCJSIjoyNTUsIkciOjI1NSwiQiI6MjU1fX0sIklzVmlzaWJsZSI6dHJ1ZSwiV2lkdGgiOjAuMCwiSGVpZ2h0IjowLjAsIkJvcmRlclN0eWxlIjpudWxsLCJQYXJlbnRTdHlsZSI6bnVsbH0sIkRhdGVGb3JtYXQiOnsiJGlkIjoiNTE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kzIn0sIlBhZGRpbmciOnsiJHJlZiI6IjM5NCJ9LCJCYWNrZ3JvdW5kIjp7IiRpZCI6IjcyMCIsIkNvbG9yIjp7IiRyZWYiOiI1NiJ9fSwiSXNWaXNpYmxlIjp0cnVlLCJXaWR0aCI6MC4wLCJIZWlnaHQiOjAuMCwiQm9yZGVyU3R5bGUiOm51bGwsIlBhcmVudFN0eWxlIjpudWxsfSwiRGF0ZUZvcm1hdCI6eyIkaWQiOiI3Mj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yIsIkZvcm1hdCI6MCwiSXNWaXNpYmxlIjpmYWxzZSwiTGFzdEtub3duVmlzaWJpbGl0eVN0YXRlIjpmYWxzZX0sIklzVmlzaWJsZSI6dHJ1ZSwiUGFyZW50U3R5bGUiOm51bGwsIl9leHBsaWNpdGx5U2V0Ijp7IiRpZCI6Ijc2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yMCJ9LCJQYWRkaW5nIjp7IiRyZWYiOiI0MjEifSwiQmFja2dyb3VuZCI6eyIkaWQiOiI3ODIiLCJDb2xvciI6eyIkaWQiOiI3ODMiLCJBIjowLCJSIjowLCJHIjowLCJCIjowfX0sIklzVmlzaWJsZSI6dHJ1ZSwiV2lkdGgiOjAuMCwiSGVpZ2h0IjowLjAsIkJvcmRlclN0eWxlIjpudWxsLCJQYXJlbnRTdHlsZSI6bnVsbH0sIkRhdGVGb3JtYXQiOnsiJGlkIjoiNzg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zOTMifSwiUGFkZGluZyI6eyIkcmVmIjoiMzk0In0sIkJhY2tncm91bmQiOnsiJGlkIjoiODU3IiwiQ29sb3IiOnsiJGlkIjoiODU4IiwiQSI6MCwiUiI6MjU1LCJHIjoyNTUsIkIiOjI1NX19LCJJc1Zpc2libGUiOnRydWUsIldpZHRoIjowLjAsIkhlaWdodCI6MC4wLCJCb3JkZXJTdHlsZSI6eyIkaWQiOiI4NTkiLCJMaW5lQ29sb3IiOm51bGwsIkxpbmVXZWlnaHQiOjAuMCwiTGluZVR5cGUiOjAsIlBhcmVudFN0eWxlIjpudWxsfSwiUGFyZW50U3R5bGUiOm51bGx9LCJEYXRlRm9ybWF0Ijp7IiRpZCI6Ijg2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5NzciLCJJbXBhT3B0aW9ucyI6eyIkaWQiOiI5N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5NzkiLCJVc2VUaW1lIjpmYWxzZSwiV29ya0RheVN0YXJ0IjoiMDA6MDA6MDAiLCJXb3JrRGF5RW5kIjoiMjM6NTk6MDAifSwiTGFzdFVzZWRUZW1wbGF0ZUlkIjoiNDNkOTJlNDYtYzkyYy00ZTI3LWIyOGItNmVjNzJkMjI3ZjE3IiwiRmlyc3RXZWVrT2ZZZWFyIjowLCJQbGFjZU1pbGVzdG9uZUF0VGhlQmVnaW5uaW5nT2ZUaGVEYXkiOmZhbHNlLCJEZXBlbmRlbmN5U2NoZWR1bGluZ1NldHRpbmdzIjp7IiRpZCI6Ijk4M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10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LEFTENDCAPSMARGINLEFT" val="62.6585365853659"/>
  <p:tag name="OTLTIMEBANDFYSTARTMONTH" val="January"/>
  <p:tag name="OTLTIMEBANDSHOWFYLABEL" val="True"/>
  <p:tag name="OTLTIMEBANDUSESTARTINGOFTHEYEARFORFYNUMBERING" val="True"/>
  <p:tag name="OTLTIMEBANDRESERVEDLEFTAREAWIDTH" val="81.0985365853659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RIGHTENDCAPSMARGINRIGHT" val="76.7441860465119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10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LEFTENDCAPSMARGINLEFT" val="62.6585365853659"/>
  <p:tag name="OTLTIMEBANDFYSTARTMONTH" val="January"/>
  <p:tag name="OTLTIMEBANDSHOWFYLABEL" val="True"/>
  <p:tag name="OTLTIMEBANDUSESTARTINGOFTHEYEARFORFYNUMBERING" val="True"/>
  <p:tag name="OTLTIMEBANDRESERVEDLEFTAREAWIDTH" val="81.0985365853659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RIGHTENDCAPSMARGINRIGHT" val="76.7441860465119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10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LEFTENDCAPSMARGINLEFT" val="62.6585365853659"/>
  <p:tag name="OTLTIMEBANDFYSTARTMONTH" val="January"/>
  <p:tag name="OTLTIMEBANDSHOWFYLABEL" val="True"/>
  <p:tag name="OTLTIMEBANDUSESTARTINGOFTHEYEARFORFYNUMBERING" val="True"/>
  <p:tag name="OTLTIMEBANDRESERVEDLEFTAREAWIDTH" val="81.0985365853659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w"/>
  <p:tag name="OTLTIMEBANDSCALETYPE" val="Weeks"/>
  <p:tag name="OTLTIMEBANDSHAPETYPE" val="RectangleTimeband"/>
  <p:tag name="OTLTIMEBANDSHAPEHEIGHT" val="14.3999996185303"/>
  <p:tag name="OTLTIMEBANDSHAPEPADDINGLEFT" val="0"/>
  <p:tag name="OTLRIGHTENDCAPSMARGINRIGHT" val="76.7441860465119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3-01T00:00:00.0000000Z"/>
  <p:tag name="OTLENDDATE" val="2022-05-15T23:59:00.0000000Z"/>
  <p:tag name="OTLDURATIONFORMAT" val="yrs"/>
  <p:tag name="OTLSPACING" val="3"/>
  <p:tag name="OTLWEEKNUMBERINGFORMAT" val="WNFormat1"/>
  <p:tag name="OTLWEEKNUMBERINGISVISIBLE" val="False"/>
  <p:tag name="OTLSHAPETHICKNESSTYPE" val="Regular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4-01T00:00:00.0000000Z"/>
  <p:tag name="OTLPERCENTAGE" val="70"/>
  <p:tag name="OTLDURATIONFORMAT" val="day"/>
  <p:tag name="OTLSPACING" val="3"/>
  <p:tag name="OTLSHAPETHICKNESSTYPE" val="Thick"/>
  <p:tag name="OTLWEEKNUMBERINGFORMAT" val="WNFormat1"/>
  <p:tag name="OTLWEEKNUMBERINGISVISIBLE" val="False"/>
  <p:tag name="OTLENDDATE" val="2022-06-29T23:59:00.0000000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6-01T00:00:00.0000000Z"/>
  <p:tag name="OTLENDDATE" val="2022-08-13T23:59:00.0000000Z"/>
  <p:tag name="OTLDURATIONFORMAT" val="yrs"/>
  <p:tag name="OTLSPACING" val="3"/>
  <p:tag name="OTLSHAPETHICKNESSTYPE" val="Thick"/>
  <p:tag name="OTLWEEKNUMBERINGFORMAT" val="WNFormat1"/>
  <p:tag name="OTLWEEKNUMBERINGISVISIBLE" val="False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8-14T00:00:00.0000000Z"/>
  <p:tag name="OTLENDDATE" val="2022-10-20T23:59:00.0000000Z"/>
  <p:tag name="OTLDURATIONFORMAT" val="yrs"/>
  <p:tag name="OTLSPACING" val="3"/>
  <p:tag name="OTLSHAPETHICKNESSTYPE" val="Thick"/>
  <p:tag name="OTLWEEKNUMBERINGFORMAT" val="WNFormat1"/>
  <p:tag name="OTLWEEKNUMBERINGISVISIBLE" val="False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2-06-30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Test system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Deployment"/>
  <p:tag name="OTLDATE" val="2022-09-30T23:59:00.0000000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Review"/>
  <p:tag name="OTLDATE" val="2022-10-24T23:59:00.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Usability testing"/>
  <p:tag name="OTLDATE" val="2022-09-21T23:59:00.0000000"/>
  <p:tag name="OTLPOSITIONONTASK" val="None"/>
  <p:tag name="OTLRELATEDTASKID" val="00000000-0000-0000-0000-000000000000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est integration"/>
  <p:tag name="OTLDATE" val="2022-08-11T23:59:00.0000000"/>
  <p:tag name="OTLPOSITIONONTASK" val="None"/>
  <p:tag name="OTLRELATEDTASKID" val="00000000-0000-0000-0000-000000000000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10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LEFTENDCAPSMARGINLEFT" val="62.6585365853659"/>
  <p:tag name="OTLTIMEBANDFYSTARTMONTH" val="January"/>
  <p:tag name="OTLTIMEBANDSHOWFYLABEL" val="True"/>
  <p:tag name="OTLTIMEBANDUSESTARTINGOFTHEYEARFORFYNUMBERING" val="True"/>
  <p:tag name="OTLTIMEBANDRESERVEDLEFTAREAWIDTH" val="81.0985365853659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RIGHTENDCAPSMARGINRIGHT" val="76.7441860465119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10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LEFTENDCAPSMARGINLEFT" val="62.6585365853659"/>
  <p:tag name="OTLTIMEBANDFYSTARTMONTH" val="January"/>
  <p:tag name="OTLTIMEBANDSHOWFYLABEL" val="True"/>
  <p:tag name="OTLTIMEBANDUSESTARTINGOFTHEYEARFORFYNUMBERING" val="True"/>
  <p:tag name="OTLTIMEBANDRESERVEDLEFTAREAWIDTH" val="81.0985365853659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w"/>
  <p:tag name="OTLTIMEBANDSCALETYPE" val="Weeks"/>
  <p:tag name="OTLTIMEBANDSHAPETYPE" val="RectangleTimeband"/>
  <p:tag name="OTLTIMEBANDSHAPEHEIGHT" val="14.3999996185303"/>
  <p:tag name="OTLTIMEBANDSHAPEPADDINGLEFT" val="0"/>
  <p:tag name="OTLRIGHTENDCAPSMARGINRIGHT" val="76.7441860465119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6-30T23:59:00.0000000"/>
  <p:tag name="OTLPOSITIONONTASK" val="None"/>
  <p:tag name="OTLRELATEDTASKID" val="00000000-0000-0000-0000-000000000000"/>
  <p:tag name="OTLMTITLE" val="Prototyping 1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8-25T23:59:00.0000000"/>
  <p:tag name="OTLPOSITIONONTASK" val="None"/>
  <p:tag name="OTLRELATEDTASKID" val="00000000-0000-0000-0000-000000000000"/>
  <p:tag name="OTLMTITLE" val="Documentation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16T23:59:00.0000000"/>
  <p:tag name="OTLPOSITIONONTASK" val="None"/>
  <p:tag name="OTLRELATEDTASKID" val="00000000-0000-0000-0000-000000000000"/>
  <p:tag name="OTLMTITLE" val="User training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itiation"/>
  <p:tag name="OTLDATE" val="2022-03-04T23:59:00.0000000"/>
  <p:tag name="OTLPOSITIONONTASK" val="None"/>
  <p:tag name="OTLRELATEDTASKID" val="00000000-0000-0000-0000-000000000000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3-01T00:00:00.0000000Z"/>
  <p:tag name="OTLENDDATE" val="2022-05-15T23:59:00.0000000Z"/>
  <p:tag name="OTLDURATIONFORMAT" val="yrs"/>
  <p:tag name="OTLSPACING" val="3"/>
  <p:tag name="OTLWEEKNUMBERINGFORMAT" val="WNFormat1"/>
  <p:tag name="OTLWEEKNUMBERINGISVISIBLE" val="False"/>
  <p:tag name="OTLSHAPETHICKNESSTYPE" val="Regular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4-01T00:00:00.0000000Z"/>
  <p:tag name="OTLPERCENTAGE" val="70"/>
  <p:tag name="OTLDURATIONFORMAT" val="day"/>
  <p:tag name="OTLSPACING" val="3"/>
  <p:tag name="OTLSHAPETHICKNESSTYPE" val="Thick"/>
  <p:tag name="OTLWEEKNUMBERINGFORMAT" val="WNFormat1"/>
  <p:tag name="OTLWEEKNUMBERINGISVISIBLE" val="False"/>
  <p:tag name="OTLENDDATE" val="2022-06-29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6-01T00:00:00.0000000Z"/>
  <p:tag name="OTLENDDATE" val="2022-08-13T23:59:00.0000000Z"/>
  <p:tag name="OTLDURATIONFORMAT" val="yrs"/>
  <p:tag name="OTLSPACING" val="3"/>
  <p:tag name="OTLSHAPETHICKNESSTYPE" val="Thick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8-14T00:00:00.0000000Z"/>
  <p:tag name="OTLENDDATE" val="2022-10-20T23:59:00.0000000Z"/>
  <p:tag name="OTLDURATIONFORMAT" val="yrs"/>
  <p:tag name="OTLSPACING" val="3"/>
  <p:tag name="OTLSHAPETHICKNESSTYPE" val="Thick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2-06-30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Test system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Deployment"/>
  <p:tag name="OTLDATE" val="2022-09-30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Review"/>
  <p:tag name="OTLDATE" val="2022-10-24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Usability testing"/>
  <p:tag name="OTLDATE" val="2022-09-21T23:59:00.0000000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est integration"/>
  <p:tag name="OTLDATE" val="2022-08-11T23:59:00.0000000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6-30T23:59:00.0000000"/>
  <p:tag name="OTLPOSITIONONTASK" val="None"/>
  <p:tag name="OTLRELATEDTASKID" val="00000000-0000-0000-0000-000000000000"/>
  <p:tag name="OTLMTITLE" val="Prototyping 1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8-25T23:59:00.0000000"/>
  <p:tag name="OTLPOSITIONONTASK" val="None"/>
  <p:tag name="OTLRELATEDTASKID" val="00000000-0000-0000-0000-000000000000"/>
  <p:tag name="OTLMTITLE" val="Documentation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16T23:59:00.0000000"/>
  <p:tag name="OTLPOSITIONONTASK" val="None"/>
  <p:tag name="OTLRELATEDTASKID" val="00000000-0000-0000-0000-000000000000"/>
  <p:tag name="OTLMTITLE" val="User training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itiation"/>
  <p:tag name="OTLDATE" val="2022-03-04T23:59:00.0000000"/>
  <p:tag name="OTLPOSITIONONTASK" val="None"/>
  <p:tag name="OTLRELATEDTASKID" val="00000000-0000-0000-0000-00000000000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87</Words>
  <Application>Microsoft Office PowerPoint</Application>
  <PresentationFormat>Widescreen</PresentationFormat>
  <Paragraphs>17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12-12T08:44:07Z</dcterms:created>
  <dcterms:modified xsi:type="dcterms:W3CDTF">2023-12-14T10:53:20Z</dcterms:modified>
</cp:coreProperties>
</file>